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s1888864\Documents\GitHub\s1888864_Supplementary_Material\Chapter_10\"/>
    </mc:Choice>
  </mc:AlternateContent>
  <bookViews>
    <workbookView xWindow="0" yWindow="0" windowWidth="15920" windowHeight="5410"/>
  </bookViews>
  <sheets>
    <sheet name="Supplementary Table 8" sheetId="91" r:id="rId1"/>
  </sheets>
  <calcPr calcId="162913"/>
</workbook>
</file>

<file path=xl/sharedStrings.xml><?xml version="1.0" encoding="utf-8"?>
<sst xmlns="http://schemas.openxmlformats.org/spreadsheetml/2006/main" count="1231676" uniqueCount="1510">
  <si>
    <t>Amyotrophic lateral sclerosis</t>
  </si>
  <si>
    <t>Vascular dementia</t>
  </si>
  <si>
    <t>Schizophrenia</t>
  </si>
  <si>
    <t>Rheumatoid arthritis</t>
  </si>
  <si>
    <t>Ischaemic heart disease</t>
  </si>
  <si>
    <t>Parkinson's disease</t>
  </si>
  <si>
    <t>Multiple sclerosis</t>
  </si>
  <si>
    <t>Systemic lupus erythematosus</t>
  </si>
  <si>
    <t>Endometriosis</t>
  </si>
  <si>
    <t>Lung cancer</t>
  </si>
  <si>
    <t>Predictor</t>
  </si>
  <si>
    <t>Outcome</t>
  </si>
  <si>
    <t>LCI</t>
  </si>
  <si>
    <t>UCI</t>
  </si>
  <si>
    <t>P.Value</t>
  </si>
  <si>
    <t>IGSF3.O75054.OID21312.v1</t>
  </si>
  <si>
    <t>HGF.P14210.OID20656.v1</t>
  </si>
  <si>
    <t>PON3.Q15166.OID20777.v1</t>
  </si>
  <si>
    <t>IL1RN.P18510.OID20700.v1</t>
  </si>
  <si>
    <t>LEP.P41159.OID20187.v1</t>
  </si>
  <si>
    <t>ACY1.Q03154.OID20137.v1</t>
  </si>
  <si>
    <t>CDHR2.Q9BYE9.OID21282.v1</t>
  </si>
  <si>
    <t>GUSB.P08236.OID20296.v1</t>
  </si>
  <si>
    <t>IL18R1.Q13478.OID20652.v1</t>
  </si>
  <si>
    <t>ADH4.P08319.OID20117.v1</t>
  </si>
  <si>
    <t>GSTA1.P08263.OID20166.v1</t>
  </si>
  <si>
    <t>FURIN.P09958.OID21514.v1</t>
  </si>
  <si>
    <t>CPM.P14384.OID21054.v1</t>
  </si>
  <si>
    <t>KRT18.P05783.OID21296.v1</t>
  </si>
  <si>
    <t>PTS.Q03393.OID20847.v1</t>
  </si>
  <si>
    <t>PRCP.P42785.OID20337.v1</t>
  </si>
  <si>
    <t>FABP4.P15090.OID20245.v1</t>
  </si>
  <si>
    <t>RTN4R.Q9BZR6.OID21424.v1</t>
  </si>
  <si>
    <t>CDH2.P19022.OID20170.v1</t>
  </si>
  <si>
    <t>WFDC2.Q14508.OID21505.v1</t>
  </si>
  <si>
    <t>COPD</t>
  </si>
  <si>
    <t>GDF15.Q99988.OID20251.v1</t>
  </si>
  <si>
    <t>RBP5.P82980.OID21369.v1</t>
  </si>
  <si>
    <t>CXCL17.Q6UXB2.OID20622.v1</t>
  </si>
  <si>
    <t>IGFBP2.P18065.OID20325.v1</t>
  </si>
  <si>
    <t>INHBC.P55103.OID21093.v1</t>
  </si>
  <si>
    <t>GGT1.P19440.OID21075.v1</t>
  </si>
  <si>
    <t>CES1.P23141.OID20244.v1</t>
  </si>
  <si>
    <t>GSTA3.Q16772.OID21242.v1</t>
  </si>
  <si>
    <t>ASGR1.P07306.OID20990.v1</t>
  </si>
  <si>
    <t>CTSD.P07339.OID20358.v1</t>
  </si>
  <si>
    <t>ACE2.Q9BYF1.OID20105.v1</t>
  </si>
  <si>
    <t>PLAUR.Q03405.OID20764.v1</t>
  </si>
  <si>
    <t>IGFBP1.P08833.OID20246.v1</t>
  </si>
  <si>
    <t>FGFR2.P21802.OID21478.v1</t>
  </si>
  <si>
    <t>ITGA5.P08648.OID21139.v1</t>
  </si>
  <si>
    <t>ERBB2.P04626.OID21520.v1</t>
  </si>
  <si>
    <t>PLAT.P00750.OID20247.v1</t>
  </si>
  <si>
    <t>NFASC.O94856.OID20634.v1</t>
  </si>
  <si>
    <t>C19orf12.Q9NSK7.OID20804.v1</t>
  </si>
  <si>
    <t>FGF21.Q9NSA1.OID21402.v1</t>
  </si>
  <si>
    <t>LAMP3.Q9UQV4.OID20638.v1</t>
  </si>
  <si>
    <t>ALDH1A1.P00352.OID21128.v1</t>
  </si>
  <si>
    <t>ALPP.P05187.OID21383.v1</t>
  </si>
  <si>
    <t>TNFRSF10B.O14763.OID20981.v1</t>
  </si>
  <si>
    <t>MMP12.P39900.OID21439.v1</t>
  </si>
  <si>
    <t>ADGRG1.Q9Y653.OID21294.v1</t>
  </si>
  <si>
    <t>IL6.P05231.OID21276.v1</t>
  </si>
  <si>
    <t>IL6.P05231.OID20911.v1</t>
  </si>
  <si>
    <t>HAO1.Q9UJM8.OID21395.v1</t>
  </si>
  <si>
    <t>PIGR.P01833.OID21102.v1</t>
  </si>
  <si>
    <t>KYNU.Q16719.OID20669.v1</t>
  </si>
  <si>
    <t>GOLM2.Q6P4E1.OID21044.v1</t>
  </si>
  <si>
    <t>F9.P00740.OID20349.v1</t>
  </si>
  <si>
    <t>SELE.P16581.OID20290.v1</t>
  </si>
  <si>
    <t>PAMR1.Q6UXH9.OID21153.v1</t>
  </si>
  <si>
    <t>ADAMTS15.Q8TE58.OID21275.v1</t>
  </si>
  <si>
    <t>SCLY.Q96I15.OID21425.v1</t>
  </si>
  <si>
    <t>IL6.P05231.OID20563.v1</t>
  </si>
  <si>
    <t>CA14.Q9ULX7.OID21401.v1</t>
  </si>
  <si>
    <t>FABP1.P07148.OID20778.v1</t>
  </si>
  <si>
    <t>IL6.P05231.OID20101.v1</t>
  </si>
  <si>
    <t>OXT.P01178.OID21047.v1</t>
  </si>
  <si>
    <t>GGH.Q92820.OID20416.v1</t>
  </si>
  <si>
    <t>LGALS9.O00182.OID20781.v1</t>
  </si>
  <si>
    <t>NOMO1.Q15155.OID21106.v1</t>
  </si>
  <si>
    <t>STC1.P52823.OID21014.v1</t>
  </si>
  <si>
    <t>SSC4D.Q8WTU2.OID20182.v1</t>
  </si>
  <si>
    <t>DCXR.Q7Z4W1.OID21480.v1</t>
  </si>
  <si>
    <t>SORD.Q00796.OID21453.v1</t>
  </si>
  <si>
    <t>CTSO.P43234.OID20660.v1</t>
  </si>
  <si>
    <t>MSR1.P21757.OID21063.v1</t>
  </si>
  <si>
    <t>TNFRSF10A.O00220.OID20967.v1</t>
  </si>
  <si>
    <t>CDCP1.Q9H5V8.OID20940.v1</t>
  </si>
  <si>
    <t>PLXNB2.O15031.OID20317.v1</t>
  </si>
  <si>
    <t>TNFRSF11A.Q9Y6Q6.OID20646.v1</t>
  </si>
  <si>
    <t>COL6A3.P12111.OID20292.v1</t>
  </si>
  <si>
    <t>THBS2.P35442.OID21104.v1</t>
  </si>
  <si>
    <t>PRSS8.Q16651.OID20763.v1</t>
  </si>
  <si>
    <t>MVK.Q03426.OID20459.v1</t>
  </si>
  <si>
    <t>ADM.P35318.OID21467.v1</t>
  </si>
  <si>
    <t>ICAM1.P05362.OID20411.v1</t>
  </si>
  <si>
    <t>BAIAP2.Q9UQB8.OID21250.v1</t>
  </si>
  <si>
    <t>SIGLEC7.Q9Y286.OID20190.v1</t>
  </si>
  <si>
    <t>PLA2G15.Q8NCC3.OID21473.v1</t>
  </si>
  <si>
    <t>EGLN1.Q9GZT9.OID20572.v1</t>
  </si>
  <si>
    <t>SSC5D.A1L4H1.OID20351.v1</t>
  </si>
  <si>
    <t>C1QTNF1.Q9BXJ1.OID20367.v1</t>
  </si>
  <si>
    <t>NOS3.P29474.OID20834.v1</t>
  </si>
  <si>
    <t>HNMT.P50135.OID20975.v1</t>
  </si>
  <si>
    <t>PLIN1.O60240.OID20835.v1</t>
  </si>
  <si>
    <t>ASAH2.Q9NR71.OID20996.v1</t>
  </si>
  <si>
    <t>RET.P07949.OID21346.v1</t>
  </si>
  <si>
    <t>SULT2A1.Q06520.OID20508.v1</t>
  </si>
  <si>
    <t>AGXT.P21549.OID20139.v1</t>
  </si>
  <si>
    <t>RARRES2.Q99969.OID20373.v1</t>
  </si>
  <si>
    <t>HAVCR1.Q96D42.OID21422.v1</t>
  </si>
  <si>
    <t>CCL3.P10147.OID20610.v1</t>
  </si>
  <si>
    <t>THOP1.P52888.OID20194.v1</t>
  </si>
  <si>
    <t>CD163.Q86VB7.OID20360.v1</t>
  </si>
  <si>
    <t>LGALS4.P56470.OID20748.v1</t>
  </si>
  <si>
    <t>TFF2.Q03403.OID20787.v1</t>
  </si>
  <si>
    <t>CCL20.P78556.OID20671.v1</t>
  </si>
  <si>
    <t>LDLR.P01130.OID20240.v1</t>
  </si>
  <si>
    <t>SIGLEC1.Q9BZZ2.OID20690.v1</t>
  </si>
  <si>
    <t>CNTN3.Q9P232.OID21092.v1</t>
  </si>
  <si>
    <t>AGRN.O00468.OID20786.v1</t>
  </si>
  <si>
    <t>CRHBP.P24387.OID20747.v1</t>
  </si>
  <si>
    <t>ANGPTL2.Q9UKU9.OID20726.v1</t>
  </si>
  <si>
    <t>VSIG4.Q9Y279.OID21144.v1</t>
  </si>
  <si>
    <t>MSLN.Q13421.OID21380.v1</t>
  </si>
  <si>
    <t>TNFRSF1A.P19438.OID21155.v1</t>
  </si>
  <si>
    <t>LILRA5.A6NI73.OID20209.v1</t>
  </si>
  <si>
    <t>BST2.Q10589.OID21029.v1</t>
  </si>
  <si>
    <t>FSTL3.O95633.OID20782.v1</t>
  </si>
  <si>
    <t>MME.P08473.OID21307.v1</t>
  </si>
  <si>
    <t>ANGPT2.O15123.OID21463.v1</t>
  </si>
  <si>
    <t>CA5A.P35218.OID20075.v1</t>
  </si>
  <si>
    <t>CCL7.P80098.OID20523.v1</t>
  </si>
  <si>
    <t>ACAA1.P09110.OID21269.v1</t>
  </si>
  <si>
    <t>CCL16.O15467.OID20334.v1</t>
  </si>
  <si>
    <t>LPL.P06858.OID20188.v1</t>
  </si>
  <si>
    <t>TNR.Q92752.OID20957.v1</t>
  </si>
  <si>
    <t>ACVRL1.P37023.OID20999.v1</t>
  </si>
  <si>
    <t>CEACAM5.P06731.OID21171.v1</t>
  </si>
  <si>
    <t>FGF23.Q9GZV9.OID21411.v1</t>
  </si>
  <si>
    <t>CSF1.P09603.OID20719.v1</t>
  </si>
  <si>
    <t>C2.P06681.OID20410.v1</t>
  </si>
  <si>
    <t>TREM2.Q9NZC2.OID20731.v1</t>
  </si>
  <si>
    <t>ENPP7.Q6UWV6.OID20689.v1</t>
  </si>
  <si>
    <t>DPY30.Q9C005.OID21410.v1</t>
  </si>
  <si>
    <t>MAD1L1.Q9Y6D9.OID20904.v1</t>
  </si>
  <si>
    <t>THBS4.P35443.OID20368.v1</t>
  </si>
  <si>
    <t>IGF2R.P11717.OID21146.v1</t>
  </si>
  <si>
    <t>TPP1.O14773.OID20750.v1</t>
  </si>
  <si>
    <t>SCARB2.Q14108.OID20943.v1</t>
  </si>
  <si>
    <t>TNFSF13B.Q9Y275.OID20272.v1</t>
  </si>
  <si>
    <t>FBP1.P09467.OID20227.v1</t>
  </si>
  <si>
    <t>COLEC12.Q5KU26.OID20738.v1</t>
  </si>
  <si>
    <t>HSD11B1.P28845.OID20575.v1</t>
  </si>
  <si>
    <t>HAVCR2.Q8TDQ0.OID21137.v1</t>
  </si>
  <si>
    <t>APBB1IP.Q7Z5R6.OID21359.v1</t>
  </si>
  <si>
    <t>ROBO1.Q9Y6N7.OID20734.v1</t>
  </si>
  <si>
    <t>EZR.P15311.OID21017.v1</t>
  </si>
  <si>
    <t>IGFBP4.P22692.OID21158.v1</t>
  </si>
  <si>
    <t>SPON2.Q9BUD6.OID20221.v1</t>
  </si>
  <si>
    <t>LAMP2.P13473.OID21035.v1</t>
  </si>
  <si>
    <t>ELOA.Q14241.OID21337.v1</t>
  </si>
  <si>
    <t>PBLD.P30039.OID20839.v1</t>
  </si>
  <si>
    <t>LTBP3.Q9NS15.OID21191.v1</t>
  </si>
  <si>
    <t>RBKS.Q9H477.OID20986.v1</t>
  </si>
  <si>
    <t>TIMP1.P01033.OID20418.v1</t>
  </si>
  <si>
    <t>IGFBPL1.Q8WX77.OID20155.v1</t>
  </si>
  <si>
    <t>IL10RB.Q08334.OID20696.v1</t>
  </si>
  <si>
    <t>CEACAM1.P13688.OID21528.v1</t>
  </si>
  <si>
    <t>CD74.P04233.OID21040.v1</t>
  </si>
  <si>
    <t>PGF.P49763.OID20673.v1</t>
  </si>
  <si>
    <t>GFRA1.P56159.OID21457.v1</t>
  </si>
  <si>
    <t>OSM.P13725.OID20574.v1</t>
  </si>
  <si>
    <t>VWA1.Q6PCB0.OID21421.v1</t>
  </si>
  <si>
    <t>CST3.P01034.OID20400.v1</t>
  </si>
  <si>
    <t>APOM.O95445.OID20374.v1</t>
  </si>
  <si>
    <t>MET.P08581.OID20269.v1</t>
  </si>
  <si>
    <t>SEMA3F.Q13275.OID20186.v1</t>
  </si>
  <si>
    <t>CTSZ.Q9UBR2.OID20365.v1</t>
  </si>
  <si>
    <t>CRIP2.P52943.OID20901.v1</t>
  </si>
  <si>
    <t>CD4.P01730.OID20584.v1</t>
  </si>
  <si>
    <t>TNFRSF1B.P20333.OID21145.v1</t>
  </si>
  <si>
    <t>SCARA5.Q6ZMJ2.OID21058.v1</t>
  </si>
  <si>
    <t>IL18.Q14116.OID20694.v1</t>
  </si>
  <si>
    <t>IGFBP7.Q16270.OID20236.v1</t>
  </si>
  <si>
    <t>EFNA4.P52798.OID20935.v1</t>
  </si>
  <si>
    <t>CD83.Q01151.OID20565.v1</t>
  </si>
  <si>
    <t>IFNGR2.P38484.OID20941.v1</t>
  </si>
  <si>
    <t>ARSA.P15289.OID21138.v1</t>
  </si>
  <si>
    <t>TFF3.Q07654.OID20371.v1</t>
  </si>
  <si>
    <t>CDHR5.Q9HBB8.OID20193.v1</t>
  </si>
  <si>
    <t>IDUA.P35475.OID21468.v1</t>
  </si>
  <si>
    <t>CD300E.Q496F6.OID21418.v1</t>
  </si>
  <si>
    <t>TNFRSF6B.O95407.OID20964.v1</t>
  </si>
  <si>
    <t>CCL22.O00626.OID20765.v1</t>
  </si>
  <si>
    <t>CD22.P20273.OID20637.v1</t>
  </si>
  <si>
    <t>SNCG.O76070.OID20971.v1</t>
  </si>
  <si>
    <t>IL13RA1.P78552.OID21504.v1</t>
  </si>
  <si>
    <t>LILRB1.Q8NHL6.OID20323.v1</t>
  </si>
  <si>
    <t>TNFRSF12A.Q9NP84.OID21482.v1</t>
  </si>
  <si>
    <t>IL2RA.P01589.OID20267.v1</t>
  </si>
  <si>
    <t>CES2.O00748.OID21366.v1</t>
  </si>
  <si>
    <t>IL1R2.P27930.OID20757.v1</t>
  </si>
  <si>
    <t>PLTP.P55058.OID20238.v1</t>
  </si>
  <si>
    <t>MZB1.Q8WU39.OID20732.v1</t>
  </si>
  <si>
    <t>THY1.P04216.OID21050.v1</t>
  </si>
  <si>
    <t>MFAP5.Q13361.OID20239.v1</t>
  </si>
  <si>
    <t>ISM1.B1AKI9.OID20538.v1</t>
  </si>
  <si>
    <t>CALCA.P01258.OID20983.v1</t>
  </si>
  <si>
    <t>LGALS1.P09382.OID20154.v1</t>
  </si>
  <si>
    <t>SETMAR.Q53H47.OID20948.v1</t>
  </si>
  <si>
    <t>IFNLR1.Q8IU57.OID20506.v1</t>
  </si>
  <si>
    <t>SFRP1.Q8N474.OID20984.v1</t>
  </si>
  <si>
    <t>SFTPA2.Q8IWL1.OID21218.v1</t>
  </si>
  <si>
    <t>EPS8L2.Q9H6S3.OID21397.v1</t>
  </si>
  <si>
    <t>DDAH1.O94760.OID21299.v1</t>
  </si>
  <si>
    <t>FAS.P25445.OID20316.v1</t>
  </si>
  <si>
    <t>PARP1.P09874.OID20500.v1</t>
  </si>
  <si>
    <t>SMOC1.Q9H4F8.OID21461.v1</t>
  </si>
  <si>
    <t>MPO.P05164.OID21100.v1</t>
  </si>
  <si>
    <t>CRLF1.O75462.OID20699.v1</t>
  </si>
  <si>
    <t>TGFA.P01135.OID20600.v1</t>
  </si>
  <si>
    <t>IL17RB.Q9NRM6.OID20585.v1</t>
  </si>
  <si>
    <t>GRPEL1.Q9HAV7.OID21309.v1</t>
  </si>
  <si>
    <t>CREG1.O75629.OID21515.v1</t>
  </si>
  <si>
    <t>ADA2.Q9NZK5.OID20394.v1</t>
  </si>
  <si>
    <t>LAIR1.Q6GTX8.OID20737.v1</t>
  </si>
  <si>
    <t>LSP1.P33241.OID20530.v1</t>
  </si>
  <si>
    <t>IL16.Q14005.OID20633.v1</t>
  </si>
  <si>
    <t>TNF.P01375.OID20848.v1</t>
  </si>
  <si>
    <t>TGFB1.P01137.OID20621.v1</t>
  </si>
  <si>
    <t>POLR2F.P61218.OID21283.v1</t>
  </si>
  <si>
    <t>BCAN.Q96GW7.OID20998.v1</t>
  </si>
  <si>
    <t>LGMN.Q99538.OID20773.v1</t>
  </si>
  <si>
    <t>GZMA.P12544.OID20663.v1</t>
  </si>
  <si>
    <t>SIT1.Q9Y3P8.OID20462.v1</t>
  </si>
  <si>
    <t>LILRB4.Q8NHJ6.OID20429.v1</t>
  </si>
  <si>
    <t>CSTB.P04080.OID20294.v1</t>
  </si>
  <si>
    <t>MFGE8.Q08431.OID21134.v1</t>
  </si>
  <si>
    <t>AREG.P15514.OID21357.v1</t>
  </si>
  <si>
    <t>NTRK3.Q16288.OID21057.v1</t>
  </si>
  <si>
    <t>TFF1.P04155.OID21154.v1</t>
  </si>
  <si>
    <t>SIGLEC10.Q96LC7.OID20537.v1</t>
  </si>
  <si>
    <t>CCL15.Q16663.OID20328.v1</t>
  </si>
  <si>
    <t>CD59.P13987.OID20339.v1</t>
  </si>
  <si>
    <t>ICAM5.Q9UMF0.OID20145.v1</t>
  </si>
  <si>
    <t>CHI3L1.P36222.OID20399.v1</t>
  </si>
  <si>
    <t>KITLG.P21583.OID20196.v1</t>
  </si>
  <si>
    <t>TLR3.O15455.OID20612.v1</t>
  </si>
  <si>
    <t>PLA2G1B.P04054.OID20252.v1</t>
  </si>
  <si>
    <t>FABP5.Q01469.OID21043.v1</t>
  </si>
  <si>
    <t>CCL21.O00585.OID20686.v1</t>
  </si>
  <si>
    <t>GHRL.Q9UBU3.OID20175.v1</t>
  </si>
  <si>
    <t>NRCAM.Q92823.OID20229.v1</t>
  </si>
  <si>
    <t>AGR3.Q8TD06.OID21243.v1</t>
  </si>
  <si>
    <t>ANGPTL7.O43827.OID21412.v1</t>
  </si>
  <si>
    <t>BPIFB1.Q8TDL5.OID20308.v1</t>
  </si>
  <si>
    <t>CALB2.P22676.OID20801.v1</t>
  </si>
  <si>
    <t>CES3.Q6UWW8.OID21340.v1</t>
  </si>
  <si>
    <t>TNFRSF11B.O00300.OID20735.v1</t>
  </si>
  <si>
    <t>CCL18.P55774.OID20395.v1</t>
  </si>
  <si>
    <t>MMP9.P14780.OID21103.v1</t>
  </si>
  <si>
    <t>MASP1.P48740.OID20954.v1</t>
  </si>
  <si>
    <t>PAG1.Q9NWQ8.OID20108.v1</t>
  </si>
  <si>
    <t>NPPC.P23582.OID20568.v1</t>
  </si>
  <si>
    <t>CXCL13.O43927.OID21024.v1</t>
  </si>
  <si>
    <t>TNF.P01375.OID20473.v1</t>
  </si>
  <si>
    <t>TNF.P01375.OID20074.v1</t>
  </si>
  <si>
    <t>DPP10.Q8N608.OID20527.v1</t>
  </si>
  <si>
    <t>FETUB.Q9UGM5.OID20404.v1</t>
  </si>
  <si>
    <t>GALNT10.Q86SR1.OID21371.v1</t>
  </si>
  <si>
    <t>F7.P08709.OID20372.v1</t>
  </si>
  <si>
    <t>P4HB.P07237.OID21509.v1</t>
  </si>
  <si>
    <t>SEMA7A.O75326.OID20283.v1</t>
  </si>
  <si>
    <t>SRP14.P37108.OID21324.v1</t>
  </si>
  <si>
    <t>ACP5.P13686.OID20314.v1</t>
  </si>
  <si>
    <t>PCSK9.Q8NBP7.OID20235.v1</t>
  </si>
  <si>
    <t>GPR37.O15354.OID20095.v1</t>
  </si>
  <si>
    <t>NADK.O95544.OID20178.v1</t>
  </si>
  <si>
    <t>VAMP5.O95183.OID20071.v1</t>
  </si>
  <si>
    <t>LRP11.Q86VZ4.OID20185.v1</t>
  </si>
  <si>
    <t>QDPR.P09417.OID20174.v1</t>
  </si>
  <si>
    <t>TGFBR2.P37173.OID21493.v1</t>
  </si>
  <si>
    <t>ST6GAL1.P15907.OID20302.v1</t>
  </si>
  <si>
    <t>CCL11.P51671.OID20668.v1</t>
  </si>
  <si>
    <t>TGFBI.Q15582.OID20417.v1</t>
  </si>
  <si>
    <t>DSG2.Q14126.OID21113.v1</t>
  </si>
  <si>
    <t>CHRDL2.Q6WN34.OID20223.v1</t>
  </si>
  <si>
    <t>NEFL.P07196.OID20871.v1</t>
  </si>
  <si>
    <t>MARCO.Q9UEW3.OID20210.v1</t>
  </si>
  <si>
    <t>MMP7.P09237.OID20087.v1</t>
  </si>
  <si>
    <t>APEX1.P27695.OID21434.v1</t>
  </si>
  <si>
    <t>SPINK1.P00995.OID21097.v1</t>
  </si>
  <si>
    <t>CXCL10.P02778.OID20697.v1</t>
  </si>
  <si>
    <t>VMO1.Q7Z5L0.OID21381.v1</t>
  </si>
  <si>
    <t>S100A11.P31949.OID20130.v1</t>
  </si>
  <si>
    <t>CXADR.P78310.OID20561.v1</t>
  </si>
  <si>
    <t>CLEC5A.Q9NY25.OID20165.v1</t>
  </si>
  <si>
    <t>HSPG2.P98160.OID20383.v1</t>
  </si>
  <si>
    <t>AIFM1.O95831.OID21287.v1</t>
  </si>
  <si>
    <t>NT5E.P21589.OID21498.v1</t>
  </si>
  <si>
    <t>LBP.P18428.OID20355.v1</t>
  </si>
  <si>
    <t>CD27.P26842.OID21527.v1</t>
  </si>
  <si>
    <t>SPINT1.O43278.OID21109.v1</t>
  </si>
  <si>
    <t>DPT.Q07507.OID20278.v1</t>
  </si>
  <si>
    <t>CCN4.O95388.OID21444.v1</t>
  </si>
  <si>
    <t>DPP6.P42658.OID21354.v1</t>
  </si>
  <si>
    <t>CCDC80.Q76M96.OID20226.v1</t>
  </si>
  <si>
    <t>GPKOW.Q92917.OID20890.v1</t>
  </si>
  <si>
    <t>RELT.Q969Z4.OID21142.v1</t>
  </si>
  <si>
    <t>LEPR.P48357.OID20128.v1</t>
  </si>
  <si>
    <t>CLEC4D.Q8WXI8.OID20609.v1</t>
  </si>
  <si>
    <t>CA6.P23280.OID21096.v1</t>
  </si>
  <si>
    <t>ZBTB17.Q13105.OID20082.v1</t>
  </si>
  <si>
    <t>CD28.P10747.OID21265.v1</t>
  </si>
  <si>
    <t>GDNF.P39905.OID20861.v1</t>
  </si>
  <si>
    <t>PXN.P49023.OID20822.v1</t>
  </si>
  <si>
    <t>WFIKKN2.Q8TEU8.OID20785.v1</t>
  </si>
  <si>
    <t>CLSTN2.Q9H4D0.OID20664.v1</t>
  </si>
  <si>
    <t>IGSF8.Q969P0.OID20167.v1</t>
  </si>
  <si>
    <t>CD5.P06127.OID21449.v1</t>
  </si>
  <si>
    <t>EPHA1.P21709.OID20677.v1</t>
  </si>
  <si>
    <t>GGT5.P36269.OID20909.v1</t>
  </si>
  <si>
    <t>PVR.P15151.OID21011.v1</t>
  </si>
  <si>
    <t>LTBP2.Q14767.OID20254.v1</t>
  </si>
  <si>
    <t>SERPINB8.P50452.OID20630.v1</t>
  </si>
  <si>
    <t>IL7R.P16871.OID21136.v1</t>
  </si>
  <si>
    <t>CXCL16.Q9H2A7.OID20282.v1</t>
  </si>
  <si>
    <t>PILRA.Q9UKJ1.OID21129.v1</t>
  </si>
  <si>
    <t>FLT4.P35916.OID21491.v1</t>
  </si>
  <si>
    <t>SCGB1A1.P11684.OID20688.v1</t>
  </si>
  <si>
    <t>TNF.P01375.OID21237.v1</t>
  </si>
  <si>
    <t>SLAMF8.Q9P0V8.OID21214.v1</t>
  </si>
  <si>
    <t>ODAM.A1E959.OID20793.v1</t>
  </si>
  <si>
    <t>ADAM8.P78325.OID21039.v1</t>
  </si>
  <si>
    <t>LRRN1.Q6UXK5.OID20438.v1</t>
  </si>
  <si>
    <t>IL32.P24001.OID20605.v1</t>
  </si>
  <si>
    <t>GLB1.P16278.OID20949.v1</t>
  </si>
  <si>
    <t>LBR.Q14739.OID21034.v1</t>
  </si>
  <si>
    <t>NMNAT1.Q9HAN9.OID20913.v1</t>
  </si>
  <si>
    <t>FGR.P09769.OID20828.v1</t>
  </si>
  <si>
    <t>SOD2.P04179.OID21114.v1</t>
  </si>
  <si>
    <t>CCL19.Q99731.OID21030.v1</t>
  </si>
  <si>
    <t>GFER.P55789.OID21259.v1</t>
  </si>
  <si>
    <t>UMOD.P07911.OID20237.v1</t>
  </si>
  <si>
    <t>COL18A1.P39060.OID20332.v1</t>
  </si>
  <si>
    <t>PSIP1.O75475.OID20534.v1</t>
  </si>
  <si>
    <t>SERPINA12.Q8IW75.OID20219.v1</t>
  </si>
  <si>
    <t>IL19.Q9UHD0.OID20158.v1</t>
  </si>
  <si>
    <t>FMNL1.O95466.OID20884.v1</t>
  </si>
  <si>
    <t>ALDH3A1.P30838.OID20512.v1</t>
  </si>
  <si>
    <t>CD302.Q8IX05.OID21328.v1</t>
  </si>
  <si>
    <t>IL1RAP.Q9NPH3.OID21126.v1</t>
  </si>
  <si>
    <t>RRM2.P31350.OID21187.v1</t>
  </si>
  <si>
    <t>PON2.Q15165.OID20088.v1</t>
  </si>
  <si>
    <t>CDH15.P55291.OID21005.v1</t>
  </si>
  <si>
    <t>ADGRG2.Q8IZP9.OID20189.v1</t>
  </si>
  <si>
    <t>NCAN.O14594.OID21055.v1</t>
  </si>
  <si>
    <t>MMP8.P22894.OID21019.v1</t>
  </si>
  <si>
    <t>TXNRD1.Q16881.OID21135.v1</t>
  </si>
  <si>
    <t>REN.P00797.OID20201.v1</t>
  </si>
  <si>
    <t>EDA2R.Q9HAV5.OID21451.v1</t>
  </si>
  <si>
    <t>HSPB6.O14558.OID21408.v1</t>
  </si>
  <si>
    <t>MICB_MICA.Q29980_Q29983.OID20593.v1</t>
  </si>
  <si>
    <t>CXCL8.P10145.OID21430.v1</t>
  </si>
  <si>
    <t>CST7.O76096.OID20704.v1</t>
  </si>
  <si>
    <t>STC2.O76061.OID21157.v1</t>
  </si>
  <si>
    <t>IL4R.P24394.OID20576.v1</t>
  </si>
  <si>
    <t>OSCAR.Q8IYS5.OID20776.v1</t>
  </si>
  <si>
    <t>CCL17.Q92583.OID20745.v1</t>
  </si>
  <si>
    <t>CDH1.P12830.OID20353.v1</t>
  </si>
  <si>
    <t>CLEC6A.Q6EIG7.OID21228.v1</t>
  </si>
  <si>
    <t>MEGF9.Q9H1U4.OID20285.v1</t>
  </si>
  <si>
    <t>CXCL8.P10145.OID20631.v1</t>
  </si>
  <si>
    <t>SLIT2.O94813.OID20862.v1</t>
  </si>
  <si>
    <t>ACAN.P16112.OID20159.v1</t>
  </si>
  <si>
    <t>ENPP2.Q13822.OID20288.v1</t>
  </si>
  <si>
    <t>COL4A1.P02462.OID20208.v1</t>
  </si>
  <si>
    <t>SFTPD.P35247.OID20214.v1</t>
  </si>
  <si>
    <t>EIF4EBP1.Q13541.OID20162.v1</t>
  </si>
  <si>
    <t>NECTIN2.Q92692.OID20222.v1</t>
  </si>
  <si>
    <t>IL6ST.P40189.OID20147.v1</t>
  </si>
  <si>
    <t>MATN2.O00339.OID20767.v1</t>
  </si>
  <si>
    <t>VCAM1.P19320.OID20396.v1</t>
  </si>
  <si>
    <t>ALCAM.Q13740.OID20273.v1</t>
  </si>
  <si>
    <t>CXCL8.P10145.OID20153.v1</t>
  </si>
  <si>
    <t>ENAH.Q8N8S7.OID20497.v1</t>
  </si>
  <si>
    <t>ANGPTL4.Q9BY76.OID20703.v1</t>
  </si>
  <si>
    <t>NAMPT.P43490.OID21227.v1</t>
  </si>
  <si>
    <t>IL15.P40933.OID20562.v1</t>
  </si>
  <si>
    <t>SELPLG.Q14242.OID20560.v1</t>
  </si>
  <si>
    <t>IL18BP.O95998.OID20348.v1</t>
  </si>
  <si>
    <t>OLR1.P78380.OID20183.v1</t>
  </si>
  <si>
    <t>MSMB.P08118.OID20275.v1</t>
  </si>
  <si>
    <t>CDON.Q4KMG0.OID20754.v1</t>
  </si>
  <si>
    <t>CXCL8.P10145.OID20997.v1</t>
  </si>
  <si>
    <t>PLAU.P00749.OID21124.v1</t>
  </si>
  <si>
    <t>ART3.Q13508.OID20346.v1</t>
  </si>
  <si>
    <t>SUSD2.Q9UGT4.OID21098.v1</t>
  </si>
  <si>
    <t>TEK.Q02763.OID21496.v1</t>
  </si>
  <si>
    <t>TNFRSF13B.O14836.OID20702.v1</t>
  </si>
  <si>
    <t>CKAP4.Q07065.OID20617.v1</t>
  </si>
  <si>
    <t>ITGB2.P05107.OID20315.v1</t>
  </si>
  <si>
    <t>HPGDS.O60760.OID21266.v1</t>
  </si>
  <si>
    <t>ANPEP.P15144.OID20350.v1</t>
  </si>
  <si>
    <t>SERPINE1.P05121.OID20342.v1</t>
  </si>
  <si>
    <t>GFAP.P14136.OID21247.v1</t>
  </si>
  <si>
    <t>RNASET2.O00584.OID20321.v1</t>
  </si>
  <si>
    <t>FUT3_FUT5.P21217_Q11128.OID21013.v1</t>
  </si>
  <si>
    <t>GRN.P28799.OID21159.v1</t>
  </si>
  <si>
    <t>CCN3.P48745.OID20299.v1</t>
  </si>
  <si>
    <t>EGFR.P00533.OID20319.v1</t>
  </si>
  <si>
    <t>TNFRSF4.P43489.OID20653.v1</t>
  </si>
  <si>
    <t>CRIM1.Q9NZV1.OID20701.v1</t>
  </si>
  <si>
    <t>OPTC.Q9UBM4.OID21362.v1</t>
  </si>
  <si>
    <t>NBN.O60934.OID20442.v1</t>
  </si>
  <si>
    <t>DAG1.Q14118.OID20774.v1</t>
  </si>
  <si>
    <t>OMD.Q99983.OID20725.v1</t>
  </si>
  <si>
    <t>TNFRSF14.Q92956.OID20783.v1</t>
  </si>
  <si>
    <t>LRRC25.Q8N386.OID21333.v1</t>
  </si>
  <si>
    <t>MDK.P21741.OID21489.v1</t>
  </si>
  <si>
    <t>VEGFA.P15692.OID20650.v1</t>
  </si>
  <si>
    <t>CRH.P06850.OID21257.v1</t>
  </si>
  <si>
    <t>SIGLEC9.Q9Y336.OID21390.v1</t>
  </si>
  <si>
    <t>CLUL1.Q15846.OID20198.v1</t>
  </si>
  <si>
    <t>PCDH17.O14917.OID20132.v1</t>
  </si>
  <si>
    <t>NRP1.O14786.OID20390.v1</t>
  </si>
  <si>
    <t>SUMF2.Q8NBJ7.OID21032.v1</t>
  </si>
  <si>
    <t>RASSF2.P50749.OID21194.v1</t>
  </si>
  <si>
    <t>CD8A.P01732.OID21018.v1</t>
  </si>
  <si>
    <t>TFPI2.P48307.OID21512.v1</t>
  </si>
  <si>
    <t>MATN3.O15232.OID20979.v1</t>
  </si>
  <si>
    <t>EFNA1.P20827.OID21125.v1</t>
  </si>
  <si>
    <t>REG4.Q9BYZ8.OID20784.v1</t>
  </si>
  <si>
    <t>DDR1.Q08345.OID21009.v1</t>
  </si>
  <si>
    <t>CEACAM8.P31997.OID20102.v1</t>
  </si>
  <si>
    <t>MUC13.Q9H3R2.OID20866.v1</t>
  </si>
  <si>
    <t>LIFR.P42702.OID20606.v1</t>
  </si>
  <si>
    <t>ST3GAL1.Q11201.OID21322.v1</t>
  </si>
  <si>
    <t>PILRB.Q9UKJ0.OID20197.v1</t>
  </si>
  <si>
    <t>LILRA2.Q8N149.OID21152.v1</t>
  </si>
  <si>
    <t>AMBP.P02760.OID21413.v1</t>
  </si>
  <si>
    <t>CCL4.P13236.OID20695.v1</t>
  </si>
  <si>
    <t>SDC1.P18827.OID20169.v1</t>
  </si>
  <si>
    <t>PTPRM.P28827.OID20598.v1</t>
  </si>
  <si>
    <t>CTSL.P07711.OID20228.v1</t>
  </si>
  <si>
    <t>NFATC3.Q12968.OID20470.v1</t>
  </si>
  <si>
    <t>EPO.P01588.OID20522.v1</t>
  </si>
  <si>
    <t>TNFRSF9.Q07011.OID20985.v1</t>
  </si>
  <si>
    <t>NCF2.P19878.OID20567.v1</t>
  </si>
  <si>
    <t>SPON1.Q9HCB6.OID20759.v1</t>
  </si>
  <si>
    <t>BCAM.P50895.OID21076.v1</t>
  </si>
  <si>
    <t>LILRB2.Q8N423.OID20301.v1</t>
  </si>
  <si>
    <t>PDCD5.O14737.OID21021.v1</t>
  </si>
  <si>
    <t>LY96.Q9Y6Y9.OID20945.v1</t>
  </si>
  <si>
    <t>SMPD1.P17405.OID21028.v1</t>
  </si>
  <si>
    <t>CAPG.P40121.OID21431.v1</t>
  </si>
  <si>
    <t>MOG.Q16653.OID21384.v1</t>
  </si>
  <si>
    <t>VNN2.O95498.OID21310.v1</t>
  </si>
  <si>
    <t>STX4.Q12846.OID21326.v1</t>
  </si>
  <si>
    <t>ADGRE5.P48960.OID20260.v1</t>
  </si>
  <si>
    <t>TIMD4.Q96H15.OID20375.v1</t>
  </si>
  <si>
    <t>RSPO1.Q2MKA7.OID20938.v1</t>
  </si>
  <si>
    <t>CNTN1.Q12860.OID20307.v1</t>
  </si>
  <si>
    <t>SMOC2.Q9H3U7.OID20730.v1</t>
  </si>
  <si>
    <t>CLMP.Q9H6B4.OID21419.v1</t>
  </si>
  <si>
    <t>CD300C.Q08708.OID21010.v1</t>
  </si>
  <si>
    <t>LPCAT2.Q7L5N7.OID21290.v1</t>
  </si>
  <si>
    <t>TNFSF14.O43557.OID20953.v1</t>
  </si>
  <si>
    <t>GLO1.Q04760.OID20107.v1</t>
  </si>
  <si>
    <t>CD99L2.Q8TCZ2.OID21122.v1</t>
  </si>
  <si>
    <t>GAS6.Q14393.OID20318.v1</t>
  </si>
  <si>
    <t>AOC3.Q16853.OID20389.v1</t>
  </si>
  <si>
    <t>CSF3.P09919.OID20491.v1</t>
  </si>
  <si>
    <t>AMY2B.P19961.OID20340.v1</t>
  </si>
  <si>
    <t>CNTN5.O94779.OID21006.v1</t>
  </si>
  <si>
    <t>NCAM1.P13591.OID20354.v1</t>
  </si>
  <si>
    <t>IQGAP2.Q13576.OID21361.v1</t>
  </si>
  <si>
    <t>IL12A_IL12B.P29459_P29460.OID21327.v1</t>
  </si>
  <si>
    <t>GCG.P01275.OID21263.v1</t>
  </si>
  <si>
    <t>GH1.P01241.OID20220.v1</t>
  </si>
  <si>
    <t>REG3A.Q06141.OID20258.v1</t>
  </si>
  <si>
    <t>FGFBP1.Q14512.OID21507.v1</t>
  </si>
  <si>
    <t>FCGR2A.P12318.OID20391.v1</t>
  </si>
  <si>
    <t>ADAM15.Q13444.OID20109.v1</t>
  </si>
  <si>
    <t>CD79B.P40259.OID20635.v1</t>
  </si>
  <si>
    <t>TMSB10.P63313.OID21118.v1</t>
  </si>
  <si>
    <t>PSME2.Q9UL46.OID20989.v1</t>
  </si>
  <si>
    <t>FCAR.P24071.OID20564.v1</t>
  </si>
  <si>
    <t>LY9.Q9HBG7.OID20670.v1</t>
  </si>
  <si>
    <t>APLP1.P51693.OID20164.v1</t>
  </si>
  <si>
    <t>SLITRK2.Q9H156.OID21409.v1</t>
  </si>
  <si>
    <t>ENTPD2.Q9Y5L3.OID21260.v1</t>
  </si>
  <si>
    <t>CD48.P09326.OID20692.v1</t>
  </si>
  <si>
    <t>CHGB.P05060.OID21038.v1</t>
  </si>
  <si>
    <t>OGN.P20774.OID21123.v1</t>
  </si>
  <si>
    <t>CD300LF.Q8TDQ1.OID21469.v1</t>
  </si>
  <si>
    <t>REG1A.P05451.OID20415.v1</t>
  </si>
  <si>
    <t>IL1RL1.Q01638.OID20250.v1</t>
  </si>
  <si>
    <t>OSMR.Q99650.OID20356.v1</t>
  </si>
  <si>
    <t>ANXA10.Q9UJ72.OID20886.v1</t>
  </si>
  <si>
    <t>RNASE3.P12724.OID20203.v1</t>
  </si>
  <si>
    <t>CRELD2.Q6UXH1.OID20751.v1</t>
  </si>
  <si>
    <t>TNFSF13.O75888.OID20733.v1</t>
  </si>
  <si>
    <t>CEBPB.P17676.OID20052.v1</t>
  </si>
  <si>
    <t>SIAE.Q9HAT2.OID21503.v1</t>
  </si>
  <si>
    <t>NUCB2.P80303.OID21448.v1</t>
  </si>
  <si>
    <t>FCRL1.Q96LA6.OID20172.v1</t>
  </si>
  <si>
    <t>SERPINA9.Q86WD7.OID21284.v1</t>
  </si>
  <si>
    <t>CD274.Q9NZQ7.OID20966.v1</t>
  </si>
  <si>
    <t>ARSB.P15848.OID21331.v1</t>
  </si>
  <si>
    <t>AMY2A.P04746.OID20333.v1</t>
  </si>
  <si>
    <t>FOLR2.P14207.OID21062.v1</t>
  </si>
  <si>
    <t>DEFB4A_DEFB4B.O15263.OID21373.v1</t>
  </si>
  <si>
    <t>NPY.P01303.OID21388.v1</t>
  </si>
  <si>
    <t>PSME1.Q06323.OID20969.v1</t>
  </si>
  <si>
    <t>NUDT5.Q9UKK9.OID21115.v1</t>
  </si>
  <si>
    <t>VSTM2L.Q96N03.OID20067.v1</t>
  </si>
  <si>
    <t>CC2D1A.Q6P1N0.OID20958.v1</t>
  </si>
  <si>
    <t>AZU1.P20160.OID20309.v1</t>
  </si>
  <si>
    <t>ENG.P17813.OID20287.v1</t>
  </si>
  <si>
    <t>IL12B.P29460.OID20666.v1</t>
  </si>
  <si>
    <t>OMG.P23515.OID21352.v1</t>
  </si>
  <si>
    <t>PDCD1.Q15116.OID21396.v1</t>
  </si>
  <si>
    <t>TCN2.P20062.OID20341.v1</t>
  </si>
  <si>
    <t>IL12RB1.P42701.OID20486.v1</t>
  </si>
  <si>
    <t>CCN5.O76076.OID21068.v1</t>
  </si>
  <si>
    <t>F11R.Q9Y624.OID21151.v1</t>
  </si>
  <si>
    <t>SORT1.Q99523.OID20213.v1</t>
  </si>
  <si>
    <t>PEBP1.P30086.OID21087.v1</t>
  </si>
  <si>
    <t>PRKRA.O75569.OID21225.v1</t>
  </si>
  <si>
    <t>SKAP1.Q86WV1.OID20906.v1</t>
  </si>
  <si>
    <t>DLL1.O00548.OID21525.v1</t>
  </si>
  <si>
    <t>SCAMP3.O14828.OID21332.v1</t>
  </si>
  <si>
    <t>CFC1.P0CG37.OID21261.v1</t>
  </si>
  <si>
    <t>ADGRE2.Q9UHX3.OID20755.v1</t>
  </si>
  <si>
    <t>NPDC1.Q9NQX5.OID20205.v1</t>
  </si>
  <si>
    <t>RCOR1.Q9UKL0.OID20073.v1</t>
  </si>
  <si>
    <t>NTproBNP.NTproBNP.OID20125.v1</t>
  </si>
  <si>
    <t>PLA2G2A.P14555.OID20274.v1</t>
  </si>
  <si>
    <t>QPCT.Q16769.OID20320.v1</t>
  </si>
  <si>
    <t>EFEMP1.Q12805.OID20414.v1</t>
  </si>
  <si>
    <t>CA4.P22748.OID20241.v1</t>
  </si>
  <si>
    <t>PSMG3.Q9BT73.OID20549.v1</t>
  </si>
  <si>
    <t>TMPRSS15.P98073.OID21364.v1</t>
  </si>
  <si>
    <t>SLC39A5.Q6ZMH5.OID20539.v1</t>
  </si>
  <si>
    <t>SH2D1A.O60880.OID20514.v1</t>
  </si>
  <si>
    <t>CPPED1.Q9BRF8.OID21053.v1</t>
  </si>
  <si>
    <t>NTRK2.Q16620.OID20136.v1</t>
  </si>
  <si>
    <t>FCRL5.Q96RD9.OID21111.v1</t>
  </si>
  <si>
    <t>GAL.P22466.OID20727.v1</t>
  </si>
  <si>
    <t>MNDA.P41218.OID20156.v1</t>
  </si>
  <si>
    <t>NBL1.P41271.OID21486.v1</t>
  </si>
  <si>
    <t>SMAD5.Q99717.OID21353.v1</t>
  </si>
  <si>
    <t>ITGAV.P06756.OID21416.v1</t>
  </si>
  <si>
    <t>ICAM3.P32942.OID20277.v1</t>
  </si>
  <si>
    <t>CXCL9.Q07325.OID20675.v1</t>
  </si>
  <si>
    <t>CD38.P28907.OID21316.v1</t>
  </si>
  <si>
    <t>CD2AP.Q9Y5K6.OID20177.v1</t>
  </si>
  <si>
    <t>SLAMF1.Q13291.OID20496.v1</t>
  </si>
  <si>
    <t>FASLG.P48023.OID20665.v1</t>
  </si>
  <si>
    <t>PTN.P21246.OID20083.v1</t>
  </si>
  <si>
    <t>EPHA2.P29317.OID21342.v1</t>
  </si>
  <si>
    <t>CLEC4G.Q6UXB4.OID20590.v1</t>
  </si>
  <si>
    <t>TIMP4.Q99727.OID21147.v1</t>
  </si>
  <si>
    <t>CCN1.O00622.OID21368.v1</t>
  </si>
  <si>
    <t>ABL1.P00519.OID21280.v1</t>
  </si>
  <si>
    <t>BMP6.P22004.OID20111.v1</t>
  </si>
  <si>
    <t>CD14.P08571.OID20378.v1</t>
  </si>
  <si>
    <t>EIF4G1.Q04637.OID20625.v1</t>
  </si>
  <si>
    <t>KIT.P10721.OID20370.v1</t>
  </si>
  <si>
    <t>ITGA11.Q9UKX5.OID20581.v1</t>
  </si>
  <si>
    <t>ULBP2.Q9BZM5.OID20919.v1</t>
  </si>
  <si>
    <t>HMOX2.P30519.OID20887.v1</t>
  </si>
  <si>
    <t>AMIGO2.Q86SJ2.OID21370.v1</t>
  </si>
  <si>
    <t>LIF.P15018.OID20824.v1</t>
  </si>
  <si>
    <t>REG1B.P48304.OID20266.v1</t>
  </si>
  <si>
    <t>KLRB1.Q12918.OID20629.v1</t>
  </si>
  <si>
    <t>CTSB.P07858.OID20276.v1</t>
  </si>
  <si>
    <t>EBI3_IL27.Q14213_Q8NEV9.OID21389.v1</t>
  </si>
  <si>
    <t>FKBP4.Q02790.OID20960.v1</t>
  </si>
  <si>
    <t>DNMBP.Q6XZF7.OID20956.v1</t>
  </si>
  <si>
    <t>SIGLEC6.O43699.OID21394.v1</t>
  </si>
  <si>
    <t>BSG.P35613.OID20626.v1</t>
  </si>
  <si>
    <t>WARS.P23381.OID21084.v1</t>
  </si>
  <si>
    <t>CANT1.Q8WVQ1.OID20181.v1</t>
  </si>
  <si>
    <t>HSPA1A.P0DMV8.OID20718.v1</t>
  </si>
  <si>
    <t>TIE1.P35590.OID20303.v1</t>
  </si>
  <si>
    <t>SLAMF7.Q9NQ25.OID20602.v1</t>
  </si>
  <si>
    <t>ANG.P03950.OID20403.v1</t>
  </si>
  <si>
    <t>XCL1.P47992.OID21398.v1</t>
  </si>
  <si>
    <t>PSPN.O60542.OID20511.v1</t>
  </si>
  <si>
    <t>PGLYRP1.O75594.OID20338.v1</t>
  </si>
  <si>
    <t>CLEC7A.Q9BXN2.OID20636.v1</t>
  </si>
  <si>
    <t>ERP44.Q9BS26.OID21338.v1</t>
  </si>
  <si>
    <t>MILR1.Q7Z6M3.OID20482.v1</t>
  </si>
  <si>
    <t>FAP.Q12884.OID20330.v1</t>
  </si>
  <si>
    <t>NPTXR.O95502.OID20191.v1</t>
  </si>
  <si>
    <t>ESM1.Q9NQ30.OID20758.v1</t>
  </si>
  <si>
    <t>GLRX.P35754.OID20195.v1</t>
  </si>
  <si>
    <t>CD63.P08962.OID20988.v1</t>
  </si>
  <si>
    <t>DNAJB1.P25685.OID21363.v1</t>
  </si>
  <si>
    <t>HEXIM1.O94992.OID20589.v1</t>
  </si>
  <si>
    <t>LRIG1.Q96JA1.OID21429.v1</t>
  </si>
  <si>
    <t>CR2.P20023.OID20393.v1</t>
  </si>
  <si>
    <t>OBP2B.Q9NPH6.OID20980.v1</t>
  </si>
  <si>
    <t>CBLN4.Q9NTU7.OID21386.v1</t>
  </si>
  <si>
    <t>FAM3C.Q92520.OID20233.v1</t>
  </si>
  <si>
    <t>SCGB3A2.Q96PL1.OID20723.v1</t>
  </si>
  <si>
    <t>LCN2.P80188.OID20392.v1</t>
  </si>
  <si>
    <t>FCGR2B.P31994.OID21215.v1</t>
  </si>
  <si>
    <t>DPP7.Q9UHL4.OID20142.v1</t>
  </si>
  <si>
    <t>GZMH.P20718.OID20096.v1</t>
  </si>
  <si>
    <t>CLEC10A.Q8IUN9.OID20928.v1</t>
  </si>
  <si>
    <t>PDGFC.Q9NRA1.OID21183.v1</t>
  </si>
  <si>
    <t>FUS.P35637.OID21256.v1</t>
  </si>
  <si>
    <t>MERTK.Q12866.OID20657.v1</t>
  </si>
  <si>
    <t>FCER2.P06734.OID21133.v1</t>
  </si>
  <si>
    <t>NFKBIE.O00221.OID21212.v1</t>
  </si>
  <si>
    <t>BTN3A2.P78410.OID20540.v1</t>
  </si>
  <si>
    <t>B4GALT1.P15291.OID20780.v1</t>
  </si>
  <si>
    <t>HLA.DRA.P01903.OID20520.v1</t>
  </si>
  <si>
    <t>FCRLB.Q6BAA4.OID21193.v1</t>
  </si>
  <si>
    <t>TAFA5.Q7Z5A7.OID21321.v1</t>
  </si>
  <si>
    <t>CTSC.P53634.OID20679.v1</t>
  </si>
  <si>
    <t>KRT19.P08727.OID20596.v1</t>
  </si>
  <si>
    <t>SHMT1.P34896.OID20714.v1</t>
  </si>
  <si>
    <t>CA9.Q16790.OID21417.v1</t>
  </si>
  <si>
    <t>VWC2.Q2TAL6.OID20936.v1</t>
  </si>
  <si>
    <t>MSTN.O14793.OID20115.v1</t>
  </si>
  <si>
    <t>PI3.P19957.OID20326.v1</t>
  </si>
  <si>
    <t>TXLNA.P40222.OID20952.v1</t>
  </si>
  <si>
    <t>CD6.P30203.OID20649.v1</t>
  </si>
  <si>
    <t>PHOSPHO1.Q8TCT1.OID20922.v1</t>
  </si>
  <si>
    <t>SLC27A4.Q6P1M0.OID20814.v1</t>
  </si>
  <si>
    <t>TIMP3.P35625.OID20684.v1</t>
  </si>
  <si>
    <t>PPCDC.Q96CD2.OID21027.v1</t>
  </si>
  <si>
    <t>CDH6.P55285.OID20157.v1</t>
  </si>
  <si>
    <t>RSPO3.Q9BXY4.OID21415.v1</t>
  </si>
  <si>
    <t>SORCS2.Q96PQ0.OID21262.v1</t>
  </si>
  <si>
    <t>ENTPD6.O75354.OID20100.v1</t>
  </si>
  <si>
    <t>BTN2A1.Q7KYR7.OID20713.v1</t>
  </si>
  <si>
    <t>CGREF1.Q99674.OID20152.v1</t>
  </si>
  <si>
    <t>HS6ST1.O60243.OID21441.v1</t>
  </si>
  <si>
    <t>EGFL7.Q9UHF1.OID21252.v1</t>
  </si>
  <si>
    <t>FUCA1.P04066.OID20261.v1</t>
  </si>
  <si>
    <t>PDGFRA.P16234.OID20133.v1</t>
  </si>
  <si>
    <t>DSC2.Q02487.OID21079.v1</t>
  </si>
  <si>
    <t>PECAM1.P16284.OID21131.v1</t>
  </si>
  <si>
    <t>MMP10.P09238.OID20687.v1</t>
  </si>
  <si>
    <t>CDKN1A.P38936.OID21319.v1</t>
  </si>
  <si>
    <t>PTGDS.P41222.OID20408.v1</t>
  </si>
  <si>
    <t>KLB.Q86Z14.OID20888.v1</t>
  </si>
  <si>
    <t>LGALS3.P17931.OID20284.v1</t>
  </si>
  <si>
    <t>PQBP1.O60828.OID21172.v1</t>
  </si>
  <si>
    <t>SLAMF6.Q96DU3.OID21254.v1</t>
  </si>
  <si>
    <t>NSFL1C.Q9UNZ2.OID21022.v1</t>
  </si>
  <si>
    <t>CCL14.Q16627.OID20401.v1</t>
  </si>
  <si>
    <t>ADA.P00813.OID20645.v1</t>
  </si>
  <si>
    <t>HLA.E.P13747.OID20532.v1</t>
  </si>
  <si>
    <t>SIRPB1.O00241.OID20739.v1</t>
  </si>
  <si>
    <t>CLEC14A.Q86T13.OID21090.v1</t>
  </si>
  <si>
    <t>CD40.P25942.OID20724.v1</t>
  </si>
  <si>
    <t>TNFRSF8.P28908.OID21049.v1</t>
  </si>
  <si>
    <t>RAB6A.P20340.OID20608.v1</t>
  </si>
  <si>
    <t>ANGPTL1.O95841.OID20211.v1</t>
  </si>
  <si>
    <t>CHRDL1.Q9BU40.OID20771.v1</t>
  </si>
  <si>
    <t>LRPAP1.P30533.OID21059.v1</t>
  </si>
  <si>
    <t>PIK3IP1.Q96FE7.OID21094.v1</t>
  </si>
  <si>
    <t>SOST.Q9BQB4.OID20204.v1</t>
  </si>
  <si>
    <t>TFRC.P02786.OID20369.v1</t>
  </si>
  <si>
    <t>AGR2.O95994.OID20896.v1</t>
  </si>
  <si>
    <t>MCAM.P43121.OID20343.v1</t>
  </si>
  <si>
    <t>CXCL11.O14625.OID21042.v1</t>
  </si>
  <si>
    <t>BID.P55957.OID20517.v1</t>
  </si>
  <si>
    <t>LAYN.Q6UX15.OID20970.v1</t>
  </si>
  <si>
    <t>TBC1D17.Q9HA65.OID20844.v1</t>
  </si>
  <si>
    <t>WWP2.O00308.OID20926.v1</t>
  </si>
  <si>
    <t>LTA4H.P09960.OID21452.v1</t>
  </si>
  <si>
    <t>CHL1.O00533.OID20366.v1</t>
  </si>
  <si>
    <t>TXNDC15.Q96J42.OID21495.v1</t>
  </si>
  <si>
    <t>CA2.P00918.OID21149.v1</t>
  </si>
  <si>
    <t>VTCN1.Q7Z7D3.OID21164.v1</t>
  </si>
  <si>
    <t>TDRKH.Q9Y2W6.OID20875.v1</t>
  </si>
  <si>
    <t>CD109.Q6YHK3.OID21108.v1</t>
  </si>
  <si>
    <t>CD34.P28906.OID21025.v1</t>
  </si>
  <si>
    <t>FLRT2.O43155.OID20946.v1</t>
  </si>
  <si>
    <t>CLEC4A.Q9UMR7.OID20573.v1</t>
  </si>
  <si>
    <t>RBP2.P50120.OID21365.v1</t>
  </si>
  <si>
    <t>NECTIN4.Q96NY8.OID21490.v1</t>
  </si>
  <si>
    <t>LILRB5.O75023.OID20324.v1</t>
  </si>
  <si>
    <t>LTBR.P36941.OID20768.v1</t>
  </si>
  <si>
    <t>DNPH1.O43598.OID20744.v1</t>
  </si>
  <si>
    <t>PRTN3.P24158.OID20329.v1</t>
  </si>
  <si>
    <t>STIP1.P31948.OID21077.v1</t>
  </si>
  <si>
    <t>TNFRSF10C.O14798.OID20265.v1</t>
  </si>
  <si>
    <t>LAG3.P18627.OID21315.v1</t>
  </si>
  <si>
    <t>CDHR1.Q96JP9.OID20808.v1</t>
  </si>
  <si>
    <t>AGER.Q15109.OID20756.v1</t>
  </si>
  <si>
    <t>KEL.P23276.OID20881.v1</t>
  </si>
  <si>
    <t>FLT3LG.P49771.OID20661.v1</t>
  </si>
  <si>
    <t>FEN1.P39748.OID21192.v1</t>
  </si>
  <si>
    <t>SLC16A1.P53985.OID20799.v1</t>
  </si>
  <si>
    <t>TNFSF12.O43508.OID20624.v1</t>
  </si>
  <si>
    <t>SOD1.P00441.OID20386.v1</t>
  </si>
  <si>
    <t>LAMA4.Q16363.OID20769.v1</t>
  </si>
  <si>
    <t>ENPP5.Q9UJA9.OID20736.v1</t>
  </si>
  <si>
    <t>FOLR3.P41439.OID21485.v1</t>
  </si>
  <si>
    <t>ITGAM.P11215.OID21071.v1</t>
  </si>
  <si>
    <t>LAP3.P28838.OID20436.v1</t>
  </si>
  <si>
    <t>CLEC11A.Q9Y240.OID21112.v1</t>
  </si>
  <si>
    <t>TMPRSS5.Q9H3S3.OID20947.v1</t>
  </si>
  <si>
    <t>DDC.P20711.OID20215.v1</t>
  </si>
  <si>
    <t>PTX3.P26022.OID20570.v1</t>
  </si>
  <si>
    <t>PTPRF.P10586.OID20310.v1</t>
  </si>
  <si>
    <t>SMAD1.Q15797.OID21180.v1</t>
  </si>
  <si>
    <t>STX8.Q9UNK0.OID20531.v1</t>
  </si>
  <si>
    <t>TRIAP1.O43715.OID21403.v1</t>
  </si>
  <si>
    <t>IGFBP3.P17936.OID20398.v1</t>
  </si>
  <si>
    <t>TCL1A.P56279.OID20987.v1</t>
  </si>
  <si>
    <t>CCL26.Q9Y258.OID20546.v1</t>
  </si>
  <si>
    <t>RNF41.Q9H4P4.OID21179.v1</t>
  </si>
  <si>
    <t>DLK1.P80370.OID20295.v1</t>
  </si>
  <si>
    <t>SPINK6.Q6UWN8.OID21450.v1</t>
  </si>
  <si>
    <t>S100P.P25815.OID20103.v1</t>
  </si>
  <si>
    <t>NOTCH3.Q9UM47.OID20253.v1</t>
  </si>
  <si>
    <t>TARBP2.Q15633.OID20870.v1</t>
  </si>
  <si>
    <t>BAG3.O95817.OID20972.v1</t>
  </si>
  <si>
    <t>ADAMTS13.Q76LX8.OID20249.v1</t>
  </si>
  <si>
    <t>SPINT2.O43291.OID20720.v1</t>
  </si>
  <si>
    <t>NCAM2.O15394.OID21095.v1</t>
  </si>
  <si>
    <t>WFIKKN1.Q96NZ8.OID20939.v1</t>
  </si>
  <si>
    <t>NRP2.O60462.OID21081.v1</t>
  </si>
  <si>
    <t>RILP.Q96NA2.OID21436.v1</t>
  </si>
  <si>
    <t>KLRD1.Q13241.OID20632.v1</t>
  </si>
  <si>
    <t>PRDX3.P30048.OID20483.v1</t>
  </si>
  <si>
    <t>NOS1.P29475.OID20863.v1</t>
  </si>
  <si>
    <t>TFPI.P10646.OID20388.v1</t>
  </si>
  <si>
    <t>SFTPA1.Q8IWL2.OID21165.v1</t>
  </si>
  <si>
    <t>B4GAT1.O43505.OID21127.v1</t>
  </si>
  <si>
    <t>CEP20.Q96NB1.OID21209.v1</t>
  </si>
  <si>
    <t>BACH1.O14867.OID20505.v1</t>
  </si>
  <si>
    <t>MMP1.P03956.OID20672.v1</t>
  </si>
  <si>
    <t>HYAL1.Q12794.OID20357.v1</t>
  </si>
  <si>
    <t>SRPK2.P78362.OID20502.v1</t>
  </si>
  <si>
    <t>CCL13.Q99616.OID20655.v1</t>
  </si>
  <si>
    <t>LPO.P22079.OID20963.v1</t>
  </si>
  <si>
    <t>SCARF2.Q96GP6.OID21048.v1</t>
  </si>
  <si>
    <t>RETN.Q9HD89.OID20327.v1</t>
  </si>
  <si>
    <t>AXL.P30530.OID20363.v1</t>
  </si>
  <si>
    <t>VWF.P04275.OID20256.v1</t>
  </si>
  <si>
    <t>BLVRB.P30043.OID21141.v1</t>
  </si>
  <si>
    <t>DNAJA2.O60884.OID20627.v1</t>
  </si>
  <si>
    <t>BST1.Q10588.OID21051.v1</t>
  </si>
  <si>
    <t>CXCL6.P80162.OID20613.v1</t>
  </si>
  <si>
    <t>CD300LG.Q6UXG3.OID21130.v1</t>
  </si>
  <si>
    <t>NID1.P14543.OID20362.v1</t>
  </si>
  <si>
    <t>SIGLEC5.O15389.OID21082.v1</t>
  </si>
  <si>
    <t>ITGB1.P05556.OID20376.v1</t>
  </si>
  <si>
    <t>DBI.P07108.OID21143.v1</t>
  </si>
  <si>
    <t>PDCD6.O75340.OID20163.v1</t>
  </si>
  <si>
    <t>GCNT1.Q02742.OID21379.v1</t>
  </si>
  <si>
    <t>HCLS1.P14317.OID20648.v1</t>
  </si>
  <si>
    <t>DPP4.P27487.OID20406.v1</t>
  </si>
  <si>
    <t>PTPN1.P18031.OID20908.v1</t>
  </si>
  <si>
    <t>PPP1R9B.Q96SB3.OID20643.v1</t>
  </si>
  <si>
    <t>NPPB.P16860.OID20049.v1</t>
  </si>
  <si>
    <t>CD244.Q9BZW8.OID20628.v1</t>
  </si>
  <si>
    <t>KLK4.Q9Y5K2.OID21391.v1</t>
  </si>
  <si>
    <t>IKBKG.Q9Y6K9.OID20544.v1</t>
  </si>
  <si>
    <t>CHIT1.Q13231.OID20312.v1</t>
  </si>
  <si>
    <t>CDC27.P30260.OID21238.v1</t>
  </si>
  <si>
    <t>STK11.Q15831.OID20077.v1</t>
  </si>
  <si>
    <t>AKT1S1.Q96B36.OID20895.v1</t>
  </si>
  <si>
    <t>CD200R1.Q8TD46.OID20595.v1</t>
  </si>
  <si>
    <t>ADAMTS8.Q9UP79.OID21502.v1</t>
  </si>
  <si>
    <t>TBC1D5.Q92609.OID20521.v1</t>
  </si>
  <si>
    <t>CEP85.Q6P2H3.OID21241.v1</t>
  </si>
  <si>
    <t>METAP2.P50579.OID21437.v1</t>
  </si>
  <si>
    <t>BANK1.Q8NDB2.OID20594.v1</t>
  </si>
  <si>
    <t>PARK7.Q99497.OID21160.v1</t>
  </si>
  <si>
    <t>CD200.P41217.OID20603.v1</t>
  </si>
  <si>
    <t>TNC.P24821.OID20359.v1</t>
  </si>
  <si>
    <t>CD46.P15529.OID20380.v1</t>
  </si>
  <si>
    <t>OGFR.Q9NZT2.OID21360.v1</t>
  </si>
  <si>
    <t>NELL2.Q99435.OID20706.v1</t>
  </si>
  <si>
    <t>KYAT1.Q16773.OID20232.v1</t>
  </si>
  <si>
    <t>XG.P55808.OID20259.v1</t>
  </si>
  <si>
    <t>CCL27.Q9Y4X3.OID20121.v1</t>
  </si>
  <si>
    <t>IPCEF1.Q8WWN9.OID20977.v1</t>
  </si>
  <si>
    <t>HMOX1.P09601.OID20217.v1</t>
  </si>
  <si>
    <t>DEFA1_DEFA1B.P59665.OID20344.v1</t>
  </si>
  <si>
    <t>ATOX1.O00244.OID21476.v1</t>
  </si>
  <si>
    <t>AARSD1.Q9BTE6.OID21311.v1</t>
  </si>
  <si>
    <t>CRNN.Q9UBG3.OID21427.v1</t>
  </si>
  <si>
    <t>AHSP.Q9NZD4.OID21078.v1</t>
  </si>
  <si>
    <t>EDIL3.O43854.OID20081.v1</t>
  </si>
  <si>
    <t>RGMA.Q96B86.OID21065.v1</t>
  </si>
  <si>
    <t>LHPP.Q9H008.OID20749.v1</t>
  </si>
  <si>
    <t>IL1R1.P14778.OID21116.v1</t>
  </si>
  <si>
    <t>IL1RL2.Q9HB29.OID20487.v1</t>
  </si>
  <si>
    <t>SELP.P16109.OID20379.v1</t>
  </si>
  <si>
    <t>PROC.P04070.OID20402.v1</t>
  </si>
  <si>
    <t>AKR1C4.P17516.OID20062.v1</t>
  </si>
  <si>
    <t>FCN2.Q15485.OID20382.v1</t>
  </si>
  <si>
    <t>ROBO2.Q9HCK4.OID21007.v1</t>
  </si>
  <si>
    <t>DCBLD2.Q96PD2.OID21474.v1</t>
  </si>
  <si>
    <t>GNLY.P22749.OID21132.v1</t>
  </si>
  <si>
    <t>ATG4A.Q8WYN0.OID21246.v1</t>
  </si>
  <si>
    <t>ITIH3.Q06033.OID20352.v1</t>
  </si>
  <si>
    <t>PAM.P19021.OID20291.v1</t>
  </si>
  <si>
    <t>KDR.P35968.OID21497.v1</t>
  </si>
  <si>
    <t>AK1.P00568.OID20122.v1</t>
  </si>
  <si>
    <t>HNRNPK.P61978.OID20051.v1</t>
  </si>
  <si>
    <t>PIK3AP1.Q6ZUJ8.OID20587.v1</t>
  </si>
  <si>
    <t>TNFRSF13C.Q96RJ3.OID20480.v1</t>
  </si>
  <si>
    <t>FYB1.O15117.OID21140.v1</t>
  </si>
  <si>
    <t>GLOD4.Q9HC38.OID20710.v1</t>
  </si>
  <si>
    <t>AXIN1.O15169.OID20582.v1</t>
  </si>
  <si>
    <t>MEP1B.Q16820.OID20168.v1</t>
  </si>
  <si>
    <t>SEZ6L.Q9BYH1.OID21488.v1</t>
  </si>
  <si>
    <t>LEFTY2.O00292.OID21454.v1</t>
  </si>
  <si>
    <t>VPS37A.Q8NEZ2.OID21355.v1</t>
  </si>
  <si>
    <t>SCARF1.Q14162.OID20297.v1</t>
  </si>
  <si>
    <t>INPPL1.O15357.OID21314.v1</t>
  </si>
  <si>
    <t>ANKRD54.Q6NXT1.OID21162.v1</t>
  </si>
  <si>
    <t>IRAK1.P51617.OID20485.v1</t>
  </si>
  <si>
    <t>DCTPP1.Q9H773.OID20148.v1</t>
  </si>
  <si>
    <t>WFDC12.Q8WWY7.OID21462.v1</t>
  </si>
  <si>
    <t>KAZALD1.Q96I82.OID21339.v1</t>
  </si>
  <si>
    <t>KLK13.Q9UKR3.OID21291.v1</t>
  </si>
  <si>
    <t>MMP3.P08254.OID21083.v1</t>
  </si>
  <si>
    <t>CD164.Q04900.OID21080.v1</t>
  </si>
  <si>
    <t>SERPINA11.Q86U17.OID20281.v1</t>
  </si>
  <si>
    <t>PLXDC1.Q8IUK5.OID21258.v1</t>
  </si>
  <si>
    <t>CPE.P16870.OID21392.v1</t>
  </si>
  <si>
    <t>MIF.P14174.OID21073.v1</t>
  </si>
  <si>
    <t>TXNDC5.Q8NBS9.OID21012.v1</t>
  </si>
  <si>
    <t>CEACAM3.P40198.OID21245.v1</t>
  </si>
  <si>
    <t>PODXL2.Q9NZ53.OID21487.v1</t>
  </si>
  <si>
    <t>ACTA2.P62736.OID20079.v1</t>
  </si>
  <si>
    <t>PLIN3.O60664.OID20143.v1</t>
  </si>
  <si>
    <t>GPNMB.Q14956.OID20173.v1</t>
  </si>
  <si>
    <t>PTPRN2.Q92932.OID20912.v1</t>
  </si>
  <si>
    <t>MB.P02144.OID20263.v1</t>
  </si>
  <si>
    <t>RABGAP1L.Q5R372.OID20447.v1</t>
  </si>
  <si>
    <t>AGRP.O00253.OID20658.v1</t>
  </si>
  <si>
    <t>AMFR.Q9UKV5.OID20806.v1</t>
  </si>
  <si>
    <t>IL5RA.Q01344.OID20601.v1</t>
  </si>
  <si>
    <t>SEZ6L2.Q6UXD5.OID21289.v1</t>
  </si>
  <si>
    <t>USO1.O60763.OID21367.v1</t>
  </si>
  <si>
    <t>HTRA2.O43464.OID21471.v1</t>
  </si>
  <si>
    <t>BAG6.P46379.OID20114.v1</t>
  </si>
  <si>
    <t>SIRPA.P78324.OID20304.v1</t>
  </si>
  <si>
    <t>IL10.P22301.OID20431.v1</t>
  </si>
  <si>
    <t>PROK1.P58294.OID20543.v1</t>
  </si>
  <si>
    <t>CNDP1.Q96KN2.OID20347.v1</t>
  </si>
  <si>
    <t>CD207.Q9UJ71.OID21298.v1</t>
  </si>
  <si>
    <t>PSRC1.Q6PGN9.OID21169.v1</t>
  </si>
  <si>
    <t>CRTAM.O95727.OID20914.v1</t>
  </si>
  <si>
    <t>USP8.P40818.OID20110.v1</t>
  </si>
  <si>
    <t>PDGFRB.P09619.OID20268.v1</t>
  </si>
  <si>
    <t>TYRO3.Q06418.OID20161.v1</t>
  </si>
  <si>
    <t>AHCY.P23526.OID20199.v1</t>
  </si>
  <si>
    <t>STX6.O43752.OID21219.v1</t>
  </si>
  <si>
    <t>BGN.P21810.OID21198.v1</t>
  </si>
  <si>
    <t>CTSH.P09668.OID20113.v1</t>
  </si>
  <si>
    <t>JCHAIN.P01591.OID20494.v1</t>
  </si>
  <si>
    <t>IGFBP6.P24592.OID20413.v1</t>
  </si>
  <si>
    <t>DFFA.O00273.OID20620.v1</t>
  </si>
  <si>
    <t>PADI4.Q9UM07.OID20832.v1</t>
  </si>
  <si>
    <t>TP53.P04637.OID21232.v1</t>
  </si>
  <si>
    <t>CX3CL1.P78423.OID20976.v1</t>
  </si>
  <si>
    <t>CEP43.O95684.OID20084.v1</t>
  </si>
  <si>
    <t>AMN.Q9BXJ7.OID20492.v1</t>
  </si>
  <si>
    <t>IGF1R.P08069.OID21274.v1</t>
  </si>
  <si>
    <t>S100A12.P80511.OID21374.v1</t>
  </si>
  <si>
    <t>TNFSF11.O14788.OID20592.v1</t>
  </si>
  <si>
    <t>ADAMTS16.Q8TE57.OID20089.v1</t>
  </si>
  <si>
    <t>CEACAM21.Q3KPI0.OID20548.v1</t>
  </si>
  <si>
    <t>BCR.P11274.OID20558.v1</t>
  </si>
  <si>
    <t>TSPAN1.O60635.OID20078.v1</t>
  </si>
  <si>
    <t>DCTN1.Q14203.OID21399.v1</t>
  </si>
  <si>
    <t>CCL28.Q9NRJ3.OID20569.v1</t>
  </si>
  <si>
    <t>EIF4B.P23588.OID21000.v1</t>
  </si>
  <si>
    <t>PPP3R1.P63098.OID20902.v1</t>
  </si>
  <si>
    <t>TYMP.P19971.OID20234.v1</t>
  </si>
  <si>
    <t>CCL23.P55773.OID20693.v1</t>
  </si>
  <si>
    <t>ARHGEF12.Q9NZN5.OID20554.v1</t>
  </si>
  <si>
    <t>SPINK4.O60575.OID20509.v1</t>
  </si>
  <si>
    <t>ESAM.Q96AP7.OID20270.v1</t>
  </si>
  <si>
    <t>CA1.P00915.OID20409.v1</t>
  </si>
  <si>
    <t>LAT2.Q9GZY6.OID21292.v1</t>
  </si>
  <si>
    <t>CCL8.P80075.OID21466.v1</t>
  </si>
  <si>
    <t>CPVL.Q9H3G5.OID21435.v1</t>
  </si>
  <si>
    <t>DDX58.O95786.OID21226.v1</t>
  </si>
  <si>
    <t>ICAM2.P13598.OID20248.v1</t>
  </si>
  <si>
    <t>PDGFB.P01127.OID20741.v1</t>
  </si>
  <si>
    <t>EPHX2.P34913.OID20119.v1</t>
  </si>
  <si>
    <t>CCL5.P13501.OID20412.v1</t>
  </si>
  <si>
    <t>FABP2.P12104.OID20200.v1</t>
  </si>
  <si>
    <t>CAMKK1.Q8N5S9.OID21182.v1</t>
  </si>
  <si>
    <t>CRACR2A.Q9BSW2.OID21249.v1</t>
  </si>
  <si>
    <t>DSG4.Q86SJ6.OID21325.v1</t>
  </si>
  <si>
    <t>IRAG2.Q12912.OID20085.v1</t>
  </si>
  <si>
    <t>CCL25.O15444.OID20674.v1</t>
  </si>
  <si>
    <t>PTH1R.Q03431.OID20571.v1</t>
  </si>
  <si>
    <t>DNER.Q8NFT8.OID20712.v1</t>
  </si>
  <si>
    <t>SCP2.P22307.OID21161.v1</t>
  </si>
  <si>
    <t>KIR2DL3.P43628.OID21196.v1</t>
  </si>
  <si>
    <t>HMBS.P08397.OID21385.v1</t>
  </si>
  <si>
    <t>CTRC.Q99895.OID20752.v1</t>
  </si>
  <si>
    <t>GP2.P55259.OID20090.v1</t>
  </si>
  <si>
    <t>COX5B.P10606.OID21297.v1</t>
  </si>
  <si>
    <t>CD209.Q9NNX6.OID20262.v1</t>
  </si>
  <si>
    <t>CSF2RA.P15509.OID20915.v1</t>
  </si>
  <si>
    <t>ITGB7.P26010.OID21393.v1</t>
  </si>
  <si>
    <t>CD33.P20138.OID21472.v1</t>
  </si>
  <si>
    <t>SNAP29.O95721.OID21506.v1</t>
  </si>
  <si>
    <t>LGALS8.O00214.OID21041.v1</t>
  </si>
  <si>
    <t>TNFRSF19.Q9NS68.OID21446.v1</t>
  </si>
  <si>
    <t>THBD.P07204.OID20231.v1</t>
  </si>
  <si>
    <t>MAPK9.P45984.OID20557.v1</t>
  </si>
  <si>
    <t>YTHDF3.Q7Z739.OID20478.v1</t>
  </si>
  <si>
    <t>NDUFS6.O75380.OID21224.v1</t>
  </si>
  <si>
    <t>CORO1A.P31146.OID20286.v1</t>
  </si>
  <si>
    <t>LAT.O43561.OID20640.v1</t>
  </si>
  <si>
    <t>MCFD2.Q8NI22.OID20171.v1</t>
  </si>
  <si>
    <t>PKLR.P30613.OID20682.v1</t>
  </si>
  <si>
    <t>VPS53.Q5VIR6.OID21281.v1</t>
  </si>
  <si>
    <t>ZBTB16.Q05516.OID21205.v1</t>
  </si>
  <si>
    <t>DKK1.O94907.OID21066.v1</t>
  </si>
  <si>
    <t>CIAPIN1.Q6FI81.OID21501.v1</t>
  </si>
  <si>
    <t>TNFRSF21.O75509.OID21052.v1</t>
  </si>
  <si>
    <t>IL1B.P01584.OID20427.v1</t>
  </si>
  <si>
    <t>EPHB4.P54760.OID20242.v1</t>
  </si>
  <si>
    <t>LY6D.Q14210.OID20708.v1</t>
  </si>
  <si>
    <t>CNTN4.Q8IWV2.OID21117.v1</t>
  </si>
  <si>
    <t>COMT.P21964.OID20086.v1</t>
  </si>
  <si>
    <t>SLC39A14.Q15043.OID20852.v1</t>
  </si>
  <si>
    <t>PSMD9.O00233.OID21304.v1</t>
  </si>
  <si>
    <t>NINJ1.Q92982.OID21167.v1</t>
  </si>
  <si>
    <t>CRISP2.P16562.OID21456.v1</t>
  </si>
  <si>
    <t>CLEC1B.Q9P126.OID21061.v1</t>
  </si>
  <si>
    <t>MAVS.Q7Z434.OID21204.v1</t>
  </si>
  <si>
    <t>PRTG.Q2VWP7.OID21443.v1</t>
  </si>
  <si>
    <t>CRTAC1.Q9NQ79.OID20279.v1</t>
  </si>
  <si>
    <t>NUDC.Q9Y266.OID20623.v1</t>
  </si>
  <si>
    <t>FCGR3B.O75015.OID20387.v1</t>
  </si>
  <si>
    <t>EBAG9.O00559.OID20918.v1</t>
  </si>
  <si>
    <t>LTA.P01374.OID20586.v1</t>
  </si>
  <si>
    <t>SNX9.Q9Y5X1.OID20135.v1</t>
  </si>
  <si>
    <t>YES1.P07947.OID21348.v1</t>
  </si>
  <si>
    <t>TINAGL1.Q9GZM7.OID20180.v1</t>
  </si>
  <si>
    <t>SIRT2.Q8IXJ6.OID21375.v1</t>
  </si>
  <si>
    <t>ECE1.P42892.OID20891.v1</t>
  </si>
  <si>
    <t>FAM3B.P58499.OID21372.v1</t>
  </si>
  <si>
    <t>TANK.Q92844.OID20474.v1</t>
  </si>
  <si>
    <t>HS3ST3B1.Q9Y662.OID21303.v1</t>
  </si>
  <si>
    <t>RWDD1.Q9H446.OID21015.v1</t>
  </si>
  <si>
    <t>CASP1.P29466.OID20854.v1</t>
  </si>
  <si>
    <t>IFNGR1.P15260.OID20678.v1</t>
  </si>
  <si>
    <t>CLIP2.Q9UDT6.OID20559.v1</t>
  </si>
  <si>
    <t>STAMBP.O95630.OID20955.v1</t>
  </si>
  <si>
    <t>CNTNAP2.Q9UHC6.OID20556.v1</t>
  </si>
  <si>
    <t>TGFBR3.Q03167.OID20255.v1</t>
  </si>
  <si>
    <t>SKAP2.O75563.OID20761.v1</t>
  </si>
  <si>
    <t>SEMA4C.Q9C0C4.OID21329.v1</t>
  </si>
  <si>
    <t>CNST.Q6PJW8.OID20127.v1</t>
  </si>
  <si>
    <t>CXCL12.P48061.OID20464.v1</t>
  </si>
  <si>
    <t>LYPD8.Q6UX82.OID21251.v1</t>
  </si>
  <si>
    <t>MAP3K5.Q99683.OID21253.v1</t>
  </si>
  <si>
    <t>DKK4.Q9UBT3.OID20934.v1</t>
  </si>
  <si>
    <t>DCTN6.O00399.OID20879.v1</t>
  </si>
  <si>
    <t>FLI1.Q01543.OID21239.v1</t>
  </si>
  <si>
    <t>FST.P19883.OID20770.v1</t>
  </si>
  <si>
    <t>PPP1R12A.O14974.OID21475.v1</t>
  </si>
  <si>
    <t>NME3.Q13232.OID20789.v1</t>
  </si>
  <si>
    <t>NPTX1.Q15818.OID21074.v1</t>
  </si>
  <si>
    <t>CALB1.P05937.OID21306.v1</t>
  </si>
  <si>
    <t>TIGAR.Q9NQ88.OID20894.v1</t>
  </si>
  <si>
    <t>C1QA.P02745.OID20654.v1</t>
  </si>
  <si>
    <t>S100A4.P26447.OID21519.v1</t>
  </si>
  <si>
    <t>VEGFD.O43915.OID20662.v1</t>
  </si>
  <si>
    <t>FRZB.Q92765.OID20968.v1</t>
  </si>
  <si>
    <t>EDAR.Q9UNE0.OID20525.v1</t>
  </si>
  <si>
    <t>CLPP.Q16740.OID20910.v1</t>
  </si>
  <si>
    <t>DECR1.Q16698.OID20579.v1</t>
  </si>
  <si>
    <t>CARHSP1.Q9Y2V2.OID20859.v1</t>
  </si>
  <si>
    <t>BAX.Q07812.OID20856.v1</t>
  </si>
  <si>
    <t>PDGFA.P04085.OID20313.v1</t>
  </si>
  <si>
    <t>CD99.P14209.OID21110.v1</t>
  </si>
  <si>
    <t>FLT1.P17948.OID21301.v1</t>
  </si>
  <si>
    <t>PREB.Q9HCU5.OID20439.v1</t>
  </si>
  <si>
    <t>PADI2.Q9Y2J8.OID20467.v1</t>
  </si>
  <si>
    <t>IFNL1.Q8IU54.OID20795.v1</t>
  </si>
  <si>
    <t>CD70.P32970.OID20599.v1</t>
  </si>
  <si>
    <t>SNAP23.O00161.OID20218.v1</t>
  </si>
  <si>
    <t>NID2.Q14112.OID21085.v1</t>
  </si>
  <si>
    <t>HSPB1.P04792.OID20230.v1</t>
  </si>
  <si>
    <t>ILKAP.Q9H0C8.OID20855.v1</t>
  </si>
  <si>
    <t>SCG3.Q8WXD2.OID20728.v1</t>
  </si>
  <si>
    <t>APP.P05067.OID21070.v1</t>
  </si>
  <si>
    <t>KLK8.O60259.OID21517.v1</t>
  </si>
  <si>
    <t>LY75.O60449.OID20580.v1</t>
  </si>
  <si>
    <t>SAMD9L.Q8IVG5.OID20536.v1</t>
  </si>
  <si>
    <t>CCT5.P48643.OID21200.v1</t>
  </si>
  <si>
    <t>FGF2.P09038.OID20503.v1</t>
  </si>
  <si>
    <t>PPME1.Q9Y570.OID21347.v1</t>
  </si>
  <si>
    <t>CASP10.Q92851.OID20893.v1</t>
  </si>
  <si>
    <t>KLK10.O43240.OID21523.v1</t>
  </si>
  <si>
    <t>NCS1.P62166.OID21458.v1</t>
  </si>
  <si>
    <t>CHAC2.Q8WUX2.OID21230.v1</t>
  </si>
  <si>
    <t>LRP1.Q07954.OID21293.v1</t>
  </si>
  <si>
    <t>GALNT3.Q14435.OID20471.v1</t>
  </si>
  <si>
    <t>HGS.O14964.OID21175.v1</t>
  </si>
  <si>
    <t>SLITRK6.Q9H5Y7.OID20094.v1</t>
  </si>
  <si>
    <t>DTX3.Q8N9I9.OID21349.v1</t>
  </si>
  <si>
    <t>CALCOCO1.Q9P1Z2.OID21387.v1</t>
  </si>
  <si>
    <t>AIF1.P55008.OID21234.v1</t>
  </si>
  <si>
    <t>TJAP1.Q5JTD0.OID21477.v1</t>
  </si>
  <si>
    <t>NOTCH1.P46531.OID20311.v1</t>
  </si>
  <si>
    <t>TRIM21.P19474.OID20533.v1</t>
  </si>
  <si>
    <t>PLA2G10.O15496.OID21002.v1</t>
  </si>
  <si>
    <t>CA3.P07451.OID20271.v1</t>
  </si>
  <si>
    <t>CCL2.P13500.OID21004.v1</t>
  </si>
  <si>
    <t>TRAF2.Q12933.OID20507.v1</t>
  </si>
  <si>
    <t>CPXM1.Q96SM3.OID21479.v1</t>
  </si>
  <si>
    <t>CDH17.Q12864.OID20134.v1</t>
  </si>
  <si>
    <t>VSIR.Q9H7M9.OID20131.v1</t>
  </si>
  <si>
    <t>IL15RA.Q13261.OID20498.v1</t>
  </si>
  <si>
    <t>IL17C.Q9P0M4.OID20477.v1</t>
  </si>
  <si>
    <t>ATP6AP2.O75787.OID21178.v1</t>
  </si>
  <si>
    <t>IL3RA.P26951.OID20461.v1</t>
  </si>
  <si>
    <t>PCDH1.Q08174.OID20614.v1</t>
  </si>
  <si>
    <t>L1CAM.P32004.OID21484.v1</t>
  </si>
  <si>
    <t>RRM2B.Q7LG56.OID21174.v1</t>
  </si>
  <si>
    <t>XRCC4.Q13426.OID20869.v1</t>
  </si>
  <si>
    <t>ANXA3.P12429.OID21036.v1</t>
  </si>
  <si>
    <t>FABP6.P51161.OID20076.v1</t>
  </si>
  <si>
    <t>BAMBI.Q13145.OID21267.v1</t>
  </si>
  <si>
    <t>SPARC.P09486.OID21511.v1</t>
  </si>
  <si>
    <t>PTPRS.Q13332.OID20306.v1</t>
  </si>
  <si>
    <t>JAM2.P57087.OID21064.v1</t>
  </si>
  <si>
    <t>LACTB2.Q53H82.OID20150.v1</t>
  </si>
  <si>
    <t>HARS1.P12081.OID21086.v1</t>
  </si>
  <si>
    <t>WIF1.Q9Y5W5.OID21464.v1</t>
  </si>
  <si>
    <t>ERBB3.P21860.OID20705.v1</t>
  </si>
  <si>
    <t>TNNI3.P19429.OID20050.v1</t>
  </si>
  <si>
    <t>GFRA3.O60609.OID20933.v1</t>
  </si>
  <si>
    <t>SMPDL3A.Q92484.OID20676.v1</t>
  </si>
  <si>
    <t>CA12.O43570.OID21344.v1</t>
  </si>
  <si>
    <t>DOK2.O60496.OID20138.v1</t>
  </si>
  <si>
    <t>ADAM22.Q9P0K1.OID21001.v1</t>
  </si>
  <si>
    <t>FKBP5.Q13451.OID20937.v1</t>
  </si>
  <si>
    <t>FGF5.P12034.OID20490.v1</t>
  </si>
  <si>
    <t>MYOC.Q99972.OID21121.v1</t>
  </si>
  <si>
    <t>WASF1.Q92558.OID20091.v1</t>
  </si>
  <si>
    <t>WNT9A.O14904.OID20460.v1</t>
  </si>
  <si>
    <t>IL17A.Q16552.OID20469.v1</t>
  </si>
  <si>
    <t>MAX.P61244.OID20877.v1</t>
  </si>
  <si>
    <t>FCRL6.Q6DN72.OID20529.v1</t>
  </si>
  <si>
    <t>CERT.Q9Y5P4.OID20857.v1</t>
  </si>
  <si>
    <t>KLK11.Q9UBX7.OID21518.v1</t>
  </si>
  <si>
    <t>NFATC1.O95644.OID20545.v1</t>
  </si>
  <si>
    <t>MSRA.Q9UJ68.OID21513.v1</t>
  </si>
  <si>
    <t>HAGH.Q16775.OID21459.v1</t>
  </si>
  <si>
    <t>FLT3.P36888.OID21272.v1</t>
  </si>
  <si>
    <t>IFNG.P01579.OID20495.v1</t>
  </si>
  <si>
    <t>KLK6.Q92876.OID21526.v1</t>
  </si>
  <si>
    <t>LYN.P07948.OID21350.v1</t>
  </si>
  <si>
    <t>VCAN.P13611.OID21026.v1</t>
  </si>
  <si>
    <t>FCRL2.Q96LA5.OID20639.v1</t>
  </si>
  <si>
    <t>PRSS2.P07478.OID20364.v1</t>
  </si>
  <si>
    <t>HBEGF.Q99075.OID21465.v1</t>
  </si>
  <si>
    <t>MEPE.Q9NQ76.OID20753.v1</t>
  </si>
  <si>
    <t>UXS1.Q8NBZ7.OID21189.v1</t>
  </si>
  <si>
    <t>PAK4.O96013.OID20819.v1</t>
  </si>
  <si>
    <t>ATP6V1F.Q16864.OID20843.v1</t>
  </si>
  <si>
    <t>METAP1D.Q6UB28.OID20519.v1</t>
  </si>
  <si>
    <t>MYO9B.Q13459.OID20451.v1</t>
  </si>
  <si>
    <t>PAEP.P09466.OID20925.v1</t>
  </si>
  <si>
    <t>RTBDN.Q9BSG5.OID21343.v1</t>
  </si>
  <si>
    <t>ERBIN.Q96RT1.OID21323.v1</t>
  </si>
  <si>
    <t>PRKAB1.Q9Y478.OID20444.v1</t>
  </si>
  <si>
    <t>PDLIM7.Q9NR12.OID20729.v1</t>
  </si>
  <si>
    <t>IDI2.Q9BXS1.OID20823.v1</t>
  </si>
  <si>
    <t>TGM2.P21980.OID20141.v1</t>
  </si>
  <si>
    <t>F2R.P25116.OID20691.v1</t>
  </si>
  <si>
    <t>CXCL5.P42830.OID20207.v1</t>
  </si>
  <si>
    <t>TNXB.P22105.OID21107.v1</t>
  </si>
  <si>
    <t>PPP1R2.P41236.OID20176.v1</t>
  </si>
  <si>
    <t>GNE.Q9Y223.OID21231.v1</t>
  </si>
  <si>
    <t>PTK7.Q13308.OID20880.v1</t>
  </si>
  <si>
    <t>PLXNA4.Q9HCM2.OID20597.v1</t>
  </si>
  <si>
    <t>TBCC.Q15814.OID20942.v1</t>
  </si>
  <si>
    <t>SCG2.P13521.OID21400.v1</t>
  </si>
  <si>
    <t>BRK1.Q8WUW1.OID20883.v1</t>
  </si>
  <si>
    <t>GKN1.Q9NS71.OID20885.v1</t>
  </si>
  <si>
    <t>FOLR1.P15328.OID21529.v1</t>
  </si>
  <si>
    <t>HYOU1.Q9Y4L1.OID20300.v1</t>
  </si>
  <si>
    <t>MLN.P12872.OID20541.v1</t>
  </si>
  <si>
    <t>SF3B4.Q15427.OID21278.v1</t>
  </si>
  <si>
    <t>KIFBP.Q96EK5.OID21320.v1</t>
  </si>
  <si>
    <t>CBLIF.P27352.OID20179.v1</t>
  </si>
  <si>
    <t>CD69.Q07108.OID20206.v1</t>
  </si>
  <si>
    <t>CASP2.P42575.OID20555.v1</t>
  </si>
  <si>
    <t>CD160.O95971.OID20647.v1</t>
  </si>
  <si>
    <t>VEGFC.P49767.OID21524.v1</t>
  </si>
  <si>
    <t>ANGPTL3.Q9Y5C1.OID20407.v1</t>
  </si>
  <si>
    <t>ENTPD5.O75356.OID20104.v1</t>
  </si>
  <si>
    <t>KLK14.Q9P0G3.OID21407.v1</t>
  </si>
  <si>
    <t>TREML2.Q5T2D2.OID21120.v1</t>
  </si>
  <si>
    <t>C4BPB.P20851.OID21481.v1</t>
  </si>
  <si>
    <t>DRAXIN.Q8NBI3.OID20917.v1</t>
  </si>
  <si>
    <t>CGA.P01215.OID21069.v1</t>
  </si>
  <si>
    <t>PPIB.P23284.OID20331.v1</t>
  </si>
  <si>
    <t>ICA1.Q05084.OID20484.v1</t>
  </si>
  <si>
    <t>TRIM5.Q9C035.OID20526.v1</t>
  </si>
  <si>
    <t>AKR1B1.P15121.OID21244.v1</t>
  </si>
  <si>
    <t>NUB1.Q9Y5A7.OID20510.v1</t>
  </si>
  <si>
    <t>MPHOSPH8.Q99549.OID20092.v1</t>
  </si>
  <si>
    <t>DAB2.P98082.OID21428.v1</t>
  </si>
  <si>
    <t>GPC5.P78333.OID20944.v1</t>
  </si>
  <si>
    <t>SPP1.P10451.OID20322.v1</t>
  </si>
  <si>
    <t>CD276.Q5ZPR3.OID20680.v1</t>
  </si>
  <si>
    <t>STX16.O14662.OID21170.v1</t>
  </si>
  <si>
    <t>CRKL.P46109.OID20742.v1</t>
  </si>
  <si>
    <t>ACOX1.Q15067.OID20124.v1</t>
  </si>
  <si>
    <t>CLTA.P09496.OID20118.v1</t>
  </si>
  <si>
    <t>ADGRB3.O60242.OID20974.v1</t>
  </si>
  <si>
    <t>IL10RA.Q13651.OID20420.v1</t>
  </si>
  <si>
    <t>ARHGAP25.P42331.OID21255.v1</t>
  </si>
  <si>
    <t>EREG.O14944.OID20905.v1</t>
  </si>
  <si>
    <t>PLPBP.O94903.OID20144.v1</t>
  </si>
  <si>
    <t>FXN.Q16595.OID21442.v1</t>
  </si>
  <si>
    <t>CLC.Q05315.OID20126.v1</t>
  </si>
  <si>
    <t>NXPH1.P58417.OID20849.v1</t>
  </si>
  <si>
    <t>LYAR.Q9NX58.OID21264.v1</t>
  </si>
  <si>
    <t>MITD1.Q8WV92.OID20959.v1</t>
  </si>
  <si>
    <t>SERPINB1.P30740.OID21088.v1</t>
  </si>
  <si>
    <t>ING1.Q9UK53.OID20853.v1</t>
  </si>
  <si>
    <t>DBNL.Q9UJU6.OID20681.v1</t>
  </si>
  <si>
    <t>AFP.P02771.OID20978.v1</t>
  </si>
  <si>
    <t>PAPPA.Q13219.OID20421.v1</t>
  </si>
  <si>
    <t>BIN2.Q9UBW5.OID21067.v1</t>
  </si>
  <si>
    <t>PRDX6.P30041.OID21404.v1</t>
  </si>
  <si>
    <t>SDC4.P31431.OID20216.v1</t>
  </si>
  <si>
    <t>PDCD1LG2.Q9BQ51.OID21273.v1</t>
  </si>
  <si>
    <t>GYS1.P13807.OID20097.v1</t>
  </si>
  <si>
    <t>PFKFB2.O60825.OID21356.v1</t>
  </si>
  <si>
    <t>CETN2.P41208.OID20836.v1</t>
  </si>
  <si>
    <t>VAT1.Q99536.OID21382.v1</t>
  </si>
  <si>
    <t>GOPC.Q9HD26.OID20551.v1</t>
  </si>
  <si>
    <t>ICAM4.Q14773.OID20578.v1</t>
  </si>
  <si>
    <t>BCL2L11.O43521.2.OID20513.v1</t>
  </si>
  <si>
    <t>C2CD2L.O14523.OID20864.v1</t>
  </si>
  <si>
    <t>MEGF10.Q96KG7.OID20746.v1</t>
  </si>
  <si>
    <t>TBC1D23.Q9NUY8.OID21286.v1</t>
  </si>
  <si>
    <t>GZMB.P10144.OID20604.v1</t>
  </si>
  <si>
    <t>RP2.O75695.OID21302.v1</t>
  </si>
  <si>
    <t>ANXA5.P08758.OID20810.v1</t>
  </si>
  <si>
    <t>UBAC1.Q9BSL1.OID21336.v1</t>
  </si>
  <si>
    <t>CD93.Q9NPY3.OID20397.v1</t>
  </si>
  <si>
    <t>SEMA4D.Q92854.OID21020.v1</t>
  </si>
  <si>
    <t>PRDX1.Q06830.OID20962.v1</t>
  </si>
  <si>
    <t>ATP5IF1.Q9UII2.OID20760.v1</t>
  </si>
  <si>
    <t>SPARCL1.Q14515.OID20361.v1</t>
  </si>
  <si>
    <t>FHIT.P49789.OID20872.v1</t>
  </si>
  <si>
    <t>CDNF.Q49AH0.OID21318.v1</t>
  </si>
  <si>
    <t>SESTD1.Q86VW0.OID20790.v1</t>
  </si>
  <si>
    <t>FOXO1.Q12778.OID20515.v1</t>
  </si>
  <si>
    <t>NCK2.O43639.OID20683.v1</t>
  </si>
  <si>
    <t>ITGB1BP2.Q9UKP3.OID20112.v1</t>
  </si>
  <si>
    <t>CCN2.P29279.OID20709.v1</t>
  </si>
  <si>
    <t>CD40LG.P29965.OID20616.v1</t>
  </si>
  <si>
    <t>STAT5B.P51692.OID21277.v1</t>
  </si>
  <si>
    <t>CTSV.O60911.OID21405.v1</t>
  </si>
  <si>
    <t>TBCB.Q99426.OID20993.v1</t>
  </si>
  <si>
    <t>COMP.P49747.OID20405.v1</t>
  </si>
  <si>
    <t>XPNPEP2.O43895.OID21508.v1</t>
  </si>
  <si>
    <t>ABHD14B.Q96IU4.OID20921.v1</t>
  </si>
  <si>
    <t>TIA1.P31483.OID20068.v1</t>
  </si>
  <si>
    <t>CST6.Q15828.OID20293.v1</t>
  </si>
  <si>
    <t>CDC37.Q16543.OID21470.v1</t>
  </si>
  <si>
    <t>CASP3.P42574.OID20305.v1</t>
  </si>
  <si>
    <t>PRKAR1A.P10644.OID20146.v1</t>
  </si>
  <si>
    <t>IRAK4.Q9NWZ3.OID20577.v1</t>
  </si>
  <si>
    <t>EPCAM.P16422.OID20743.v1</t>
  </si>
  <si>
    <t>MAP4K5.Q9Y4K4.OID20899.v1</t>
  </si>
  <si>
    <t>ICOSLG.O75144.OID21351.v1</t>
  </si>
  <si>
    <t>APRT.P07741.OID20927.v1</t>
  </si>
  <si>
    <t>TNFSF10.P50591.OID20611.v1</t>
  </si>
  <si>
    <t>DCN.P07585.OID20106.v1</t>
  </si>
  <si>
    <t>IL20RA.Q9UHF4.OID20422.v1</t>
  </si>
  <si>
    <t>CTSF.Q9UBX1.OID21500.v1</t>
  </si>
  <si>
    <t>CELA3A.P09093.OID20298.v1</t>
  </si>
  <si>
    <t>ANGPT1.Q15389.OID20740.v1</t>
  </si>
  <si>
    <t>STXBP3.O00186.OID21240.v1</t>
  </si>
  <si>
    <t>NAAA.Q02083.OID20931.v1</t>
  </si>
  <si>
    <t>TSHB.P01222.OID20129.v1</t>
  </si>
  <si>
    <t>MESD.Q14696.OID21099.v1</t>
  </si>
  <si>
    <t>SPOCK1.Q08629.OID20924.v1</t>
  </si>
  <si>
    <t>FIS1.Q9Y3D6.OID20722.v1</t>
  </si>
  <si>
    <t>GDF2.Q9UK05.OID20202.v1</t>
  </si>
  <si>
    <t>GALNT2.Q10471.OID21423.v1</t>
  </si>
  <si>
    <t>SH2B3.Q9UQQ2.OID21222.v1</t>
  </si>
  <si>
    <t>PLA2G4A.P47712.OID20685.v1</t>
  </si>
  <si>
    <t>LAIR2.Q6ISS4.OID20965.v1</t>
  </si>
  <si>
    <t>NRTN.Q99748.OID20465.v1</t>
  </si>
  <si>
    <t>FADD.Q13158.OID20151.v1</t>
  </si>
  <si>
    <t>FOXO3.O43524.OID21271.v1</t>
  </si>
  <si>
    <t>DPEP1.P16444.OID20897.v1</t>
  </si>
  <si>
    <t>MANF.P55145.OID20707.v1</t>
  </si>
  <si>
    <t>SERPINB6.P35237.OID21023.v1</t>
  </si>
  <si>
    <t>STK24.Q9Y6E0.OID20837.v1</t>
  </si>
  <si>
    <t>JUN.P05412.OID20424.v1</t>
  </si>
  <si>
    <t>MANSC1.Q9H8J5.OID21492.v1</t>
  </si>
  <si>
    <t>PLXNB3.Q9ULL4.OID20160.v1</t>
  </si>
  <si>
    <t>NDRG1.Q92597.OID20792.v1</t>
  </si>
  <si>
    <t>IL17RA.Q96F46.OID21089.v1</t>
  </si>
  <si>
    <t>MPIG6B.O95866.OID20779.v1</t>
  </si>
  <si>
    <t>MPI.P34949.OID21288.v1</t>
  </si>
  <si>
    <t>GP6.Q9HCN6.OID21091.v1</t>
  </si>
  <si>
    <t>GPA33.Q99795.OID21376.v1</t>
  </si>
  <si>
    <t>GRAP2.O75791.OID20192.v1</t>
  </si>
  <si>
    <t>MUC16.Q8WXI7.OID21378.v1</t>
  </si>
  <si>
    <t>CCS.O14618.OID20973.v1</t>
  </si>
  <si>
    <t>F3.P13726.OID21440.v1</t>
  </si>
  <si>
    <t>CNPY4.Q8N129.OID21317.v1</t>
  </si>
  <si>
    <t>ANXA4.P09525.OID20123.v1</t>
  </si>
  <si>
    <t>GPC1.P35052.OID21438.v1</t>
  </si>
  <si>
    <t>DPEP2.Q9H4A9.OID21305.v1</t>
  </si>
  <si>
    <t>BLMH.Q13867.OID20336.v1</t>
  </si>
  <si>
    <t>IL22RA1.Q8N6P7.OID20449.v1</t>
  </si>
  <si>
    <t>BMP4.P12644.OID20994.v1</t>
  </si>
  <si>
    <t>ENO1.P06733.OID21037.v1</t>
  </si>
  <si>
    <t>PMVK.Q15126.OID20850.v1</t>
  </si>
  <si>
    <t>SPRY2.O43597.OID20475.v1</t>
  </si>
  <si>
    <t>HDGF.P51858.OID21455.v1</t>
  </si>
  <si>
    <t>HPCAL1.P37235.OID20615.v1</t>
  </si>
  <si>
    <t>AMBN.Q9NP70.OID20437.v1</t>
  </si>
  <si>
    <t>PSG1.P11464.OID20916.v1</t>
  </si>
  <si>
    <t>DKK3.Q9UBP4.OID20264.v1</t>
  </si>
  <si>
    <t>DRG2.P55039.OID21335.v1</t>
  </si>
  <si>
    <t>NCR1.O76036.OID20566.v1</t>
  </si>
  <si>
    <t>PM20D1.Q6GTS8.OID20149.v1</t>
  </si>
  <si>
    <t>IL34.Q6ZMJ4.OID20809.v1</t>
  </si>
  <si>
    <t>CA11.O75493.OID21195.v1</t>
  </si>
  <si>
    <t>MIA.Q16674.OID21531.v1</t>
  </si>
  <si>
    <t>RHOC.P08134.OID20950.v1</t>
  </si>
  <si>
    <t>MAEA.Q7L5Y9.OID21206.v1</t>
  </si>
  <si>
    <t>ENO2.P09104.OID21046.v1</t>
  </si>
  <si>
    <t>MZT1.Q08AG7.OID21186.v1</t>
  </si>
  <si>
    <t>CDH5.P33151.OID20243.v1</t>
  </si>
  <si>
    <t>PEAR1.Q5VY43.OID20257.v1</t>
  </si>
  <si>
    <t>KIRREL2.Q6UWL6.OID20873.v1</t>
  </si>
  <si>
    <t>LGALS7_LGALS7B.P47929.OID21406.v1</t>
  </si>
  <si>
    <t>NELL1.Q92832.OID21494.v1</t>
  </si>
  <si>
    <t>SUSD1.Q6UWL2.OID20072.v1</t>
  </si>
  <si>
    <t>CLEC1A.Q8NC01.OID20099.v1</t>
  </si>
  <si>
    <t>VIM.P08670.OID20053.v1</t>
  </si>
  <si>
    <t>LSM1.O15116.OID21210.v1</t>
  </si>
  <si>
    <t>PDP1.Q9P0J1.OID21176.v1</t>
  </si>
  <si>
    <t>NTF4.P34130.OID21208.v1</t>
  </si>
  <si>
    <t>AKT3.Q9Y243.OID21197.v1</t>
  </si>
  <si>
    <t>SEPTIN9.Q9UHD8.OID21279.v1</t>
  </si>
  <si>
    <t>THPO.P40225.OID20098.v1</t>
  </si>
  <si>
    <t>ACP6.Q9NPH0.OID21432.v1</t>
  </si>
  <si>
    <t>CDH3.P22223.OID21008.v1</t>
  </si>
  <si>
    <t>CKMT1A_CKMT1B.P12532.OID20721.v1</t>
  </si>
  <si>
    <t>FES.P07332.OID21207.v1</t>
  </si>
  <si>
    <t>CD58.P19256.OID20716.v1</t>
  </si>
  <si>
    <t>CTF1.Q16619.OID20061.v1</t>
  </si>
  <si>
    <t>INPP1.P49441.OID21345.v1</t>
  </si>
  <si>
    <t>CASP8.Q14790.OID21414.v1</t>
  </si>
  <si>
    <t>CRADD.P78560.OID20923.v1</t>
  </si>
  <si>
    <t>TPMT.P51580.OID21270.v1</t>
  </si>
  <si>
    <t>CXCL1.P09341.OID20762.v1</t>
  </si>
  <si>
    <t>SERPINB9.P50453.OID20932.v1</t>
  </si>
  <si>
    <t>ARTN.Q5T4W7.OID20446.v1</t>
  </si>
  <si>
    <t>ARID4B.Q4LE39.OID20803.v1</t>
  </si>
  <si>
    <t>DKKL1.Q9UK85.OID21313.v1</t>
  </si>
  <si>
    <t>PODXL.O00592.OID21358.v1</t>
  </si>
  <si>
    <t>GMPR.P36959.OID20641.v1</t>
  </si>
  <si>
    <t>ANXA11.P50995.OID20583.v1</t>
  </si>
  <si>
    <t>CD1C.P29017.OID21483.v1</t>
  </si>
  <si>
    <t>ERBB4.Q15303.OID21510.v1</t>
  </si>
  <si>
    <t>CD55.P08174.OID20377.v1</t>
  </si>
  <si>
    <t>MED18.Q9BUE0.OID21236.v1</t>
  </si>
  <si>
    <t>CD177.Q8N6Q3.OID21119.v1</t>
  </si>
  <si>
    <t>DSG3.P32926.OID21460.v1</t>
  </si>
  <si>
    <t>FUT8.Q9BYC5.OID20992.v1</t>
  </si>
  <si>
    <t>GFRA2.O00451.OID21330.v1</t>
  </si>
  <si>
    <t>VTA1.Q9NP79.OID21016.v1</t>
  </si>
  <si>
    <t>STK4.Q13043.OID20140.v1</t>
  </si>
  <si>
    <t>SRC.P12931.OID21521.v1</t>
  </si>
  <si>
    <t>FCRL3.Q96P31.OID20443.v1</t>
  </si>
  <si>
    <t>CLEC4C.Q8WTT0.OID20547.v1</t>
  </si>
  <si>
    <t>GUCA2A.Q02747.OID21101.v1</t>
  </si>
  <si>
    <t>IL13.P35225.OID20430.v1</t>
  </si>
  <si>
    <t>IL33.O95760.OID20428.v1</t>
  </si>
  <si>
    <t>GP1BA.P07359.OID20381.v1</t>
  </si>
  <si>
    <t>ATF2.P15336.OID20798.v1</t>
  </si>
  <si>
    <t>KIR3DL1.P43629.OID21185.v1</t>
  </si>
  <si>
    <t>ITGB6.P18564.OID20493.v1</t>
  </si>
  <si>
    <t>TPPP3.Q9BW30.OID20842.v1</t>
  </si>
  <si>
    <t>VSTM1.Q6UX27.OID20851.v1</t>
  </si>
  <si>
    <t>FKBP7.Q9Y680.OID20846.v1</t>
  </si>
  <si>
    <t>KRT5.P13647.OID20860.v1</t>
  </si>
  <si>
    <t>LXN.Q9BS40.OID21003.v1</t>
  </si>
  <si>
    <t>EGF.P01133.OID20698.v1</t>
  </si>
  <si>
    <t>DARS1.P14868.OID20903.v1</t>
  </si>
  <si>
    <t>SCARB1.Q8WTV0.OID20805.v1</t>
  </si>
  <si>
    <t>LYPD1.Q8N2G4.OID20821.v1</t>
  </si>
  <si>
    <t>EIF5A.P63241.OID20423.v1</t>
  </si>
  <si>
    <t>CA13.Q8N1Q1.OID20225.v1</t>
  </si>
  <si>
    <t>DIABLO.Q9NR28.OID20184.v1</t>
  </si>
  <si>
    <t>FABP9.Q0Z7S8.OID20501.v1</t>
  </si>
  <si>
    <t>CPB1.P15086.OID20289.v1</t>
  </si>
  <si>
    <t>WASF3.Q9UPY6.OID20882.v1</t>
  </si>
  <si>
    <t>TBL1X.O60907.OID21220.v1</t>
  </si>
  <si>
    <t>PRDX5.P30044.OID20644.v1</t>
  </si>
  <si>
    <t>BIRC2.Q13490.OID21217.v1</t>
  </si>
  <si>
    <t>SIGLEC15.Q6ZMC9.OID20812.v1</t>
  </si>
  <si>
    <t>ADAM23.O75077.OID20651.v1</t>
  </si>
  <si>
    <t>DGKZ.Q13574.OID20466.v1</t>
  </si>
  <si>
    <t>WAS.P42768.OID20479.v1</t>
  </si>
  <si>
    <t>BOC.Q9BWV1.OID20116.v1</t>
  </si>
  <si>
    <t>ISLR2.Q6UXK2.OID20889.v1</t>
  </si>
  <si>
    <t>FGF19.O95750.OID20715.v1</t>
  </si>
  <si>
    <t>SCGN.O76038.OID20457.v1</t>
  </si>
  <si>
    <t>IL17F.Q96PD4.OID20456.v1</t>
  </si>
  <si>
    <t>NT5C3A.Q9H0P0.OID20553.v1</t>
  </si>
  <si>
    <t>PTPN6.P29350.OID20717.v1</t>
  </si>
  <si>
    <t>ARG1.P05089.OID21445.v1</t>
  </si>
  <si>
    <t>CPA1.P15085.OID20280.v1</t>
  </si>
  <si>
    <t>MRPL46.Q9H2W6.OID20858.v1</t>
  </si>
  <si>
    <t>TPSAB1.Q15661.OID20642.v1</t>
  </si>
  <si>
    <t>GBP4.Q96PP9.OID20845.v1</t>
  </si>
  <si>
    <t>MAP2K6.P52564.OID20552.v1</t>
  </si>
  <si>
    <t>RABEPK.Q7Z6M1.OID21163.v1</t>
  </si>
  <si>
    <t>KLK12.Q9UKR0.OID21201.v1</t>
  </si>
  <si>
    <t>DCTN2.Q13561.OID21334.v1</t>
  </si>
  <si>
    <t>FMR1.Q06787.OID21233.v1</t>
  </si>
  <si>
    <t>GALNT7.Q86SF2.OID21377.v1</t>
  </si>
  <si>
    <t>ATXN10.Q9UBB4.OID20865.v1</t>
  </si>
  <si>
    <t>PRTFDC1.Q9NRG1.OID20867.v1</t>
  </si>
  <si>
    <t>LYPD3.O95274.OID21530.v1</t>
  </si>
  <si>
    <t>IDS.P22304.OID20619.v1</t>
  </si>
  <si>
    <t>TP53INP1.Q96A56.OID20120.v1</t>
  </si>
  <si>
    <t>TPT1.P13693.OID20476.v1</t>
  </si>
  <si>
    <t>IL18RAP.O95256.OID20900.v1</t>
  </si>
  <si>
    <t>ITGB5.P18084.OID21522.v1</t>
  </si>
  <si>
    <t>CEP164.Q9UPV0.OID20441.v1</t>
  </si>
  <si>
    <t>CST5.P28325.OID20995.v1</t>
  </si>
  <si>
    <t>SPINK5.Q9NQ38.OID21148.v1</t>
  </si>
  <si>
    <t>MAGED1.Q9Y5V3.OID21181.v1</t>
  </si>
  <si>
    <t>CXCL14.O95715.OID20458.v1</t>
  </si>
  <si>
    <t>SUGT1.Q9Y2Z0.OID21229.v1</t>
  </si>
  <si>
    <t>COL1A1.P02452.OID20335.v1</t>
  </si>
  <si>
    <t>PFDN2.Q9UHV9.OID20892.v1</t>
  </si>
  <si>
    <t>EPHB6.O15197.OID20982.v1</t>
  </si>
  <si>
    <t>GRK5.P34947.OID20066.v1</t>
  </si>
  <si>
    <t>PLA2G7.Q13093.OID21105.v1</t>
  </si>
  <si>
    <t>CLSTN1.O94985.OID20874.v1</t>
  </si>
  <si>
    <t>IL17D.Q8TAD2.OID20481.v1</t>
  </si>
  <si>
    <t>IMPA1.P29218.OID20907.v1</t>
  </si>
  <si>
    <t>FXYD5.Q96DB9.OID20463.v1</t>
  </si>
  <si>
    <t>GHRHR.Q02643.OID20841.v1</t>
  </si>
  <si>
    <t>PRL.P01236.OID21033.v1</t>
  </si>
  <si>
    <t>IL2RB.P14784.OID20450.v1</t>
  </si>
  <si>
    <t>GBP2.P32456.OID20489.v1</t>
  </si>
  <si>
    <t>CTRB1.P17538.OID21150.v1</t>
  </si>
  <si>
    <t>ROR1.Q01973.OID20224.v1</t>
  </si>
  <si>
    <t>IL7.P13232.OID20535.v1</t>
  </si>
  <si>
    <t>IKZF2.Q9UKS7.OID21213.v1</t>
  </si>
  <si>
    <t>CDSN.Q15517.OID20667.v1</t>
  </si>
  <si>
    <t>RGS8.P57771.OID20454.v1</t>
  </si>
  <si>
    <t>IL6R.P08887.OID20385.v1</t>
  </si>
  <si>
    <t>SULT1A1.P50225.OID21031.v1</t>
  </si>
  <si>
    <t>TNFAIP8.O95379.OID20433.v1</t>
  </si>
  <si>
    <t>MGLL.Q99685.OID20711.v1</t>
  </si>
  <si>
    <t>SMARCA2.P51531.OID20796.v1</t>
  </si>
  <si>
    <t>SIRT5.Q9NXA8.OID20820.v1</t>
  </si>
  <si>
    <t>CCL24.O00175.OID20772.v1</t>
  </si>
  <si>
    <t>MGMT.P16455.OID20588.v1</t>
  </si>
  <si>
    <t>RUVBL1.Q9Y265.OID21211.v1</t>
  </si>
  <si>
    <t>CD84.Q9UIB8.OID20607.v1</t>
  </si>
  <si>
    <t>GSTP1.P09211.OID20876.v1</t>
  </si>
  <si>
    <t>ITGA6.P23229.OID20528.v1</t>
  </si>
  <si>
    <t>CLSPN.Q9HAW4.OID20831.v1</t>
  </si>
  <si>
    <t>PTEN.P60484.OID20794.v1</t>
  </si>
  <si>
    <t>AOC1.P19801.OID20452.v1</t>
  </si>
  <si>
    <t>CNTN2.Q02246.OID21426.v1</t>
  </si>
  <si>
    <t>NCLN.Q969V3.OID20448.v1</t>
  </si>
  <si>
    <t>PRELP.P51888.OID20766.v1</t>
  </si>
  <si>
    <t>IL5.P05113.OID20472.v1</t>
  </si>
  <si>
    <t>NUDT2.P50583.OID21308.v1</t>
  </si>
  <si>
    <t>BTC.P35070.OID21199.v1</t>
  </si>
  <si>
    <t>SCRN1.Q12765.OID20542.v1</t>
  </si>
  <si>
    <t>MDGA1.Q8NFP4.OID20951.v1</t>
  </si>
  <si>
    <t>ACTN4.O43707.OID20435.v1</t>
  </si>
  <si>
    <t>RAD23B.P54727.OID21166.v1</t>
  </si>
  <si>
    <t>PRSS27.Q9BQR3.OID20212.v1</t>
  </si>
  <si>
    <t>GFOD2.Q3B7J2.OID21216.v1</t>
  </si>
  <si>
    <t>COL9A1.P20849.OID20550.v1</t>
  </si>
  <si>
    <t>CDKN2D.P55273.OID21295.v1</t>
  </si>
  <si>
    <t>MMP13.P45452.OID20807.v1</t>
  </si>
  <si>
    <t>ITM2A.O43736.OID20504.v1</t>
  </si>
  <si>
    <t>VASH1.Q7L8A9.OID20516.v1</t>
  </si>
  <si>
    <t>GGA1.Q9UJY5.OID20838.v1</t>
  </si>
  <si>
    <t>TACC3.Q9Y6A5.OID21285.v1</t>
  </si>
  <si>
    <t>NTF3.P20783.OID20591.v1</t>
  </si>
  <si>
    <t>ARHGAP1.Q07960.OID21202.v1</t>
  </si>
  <si>
    <t>APOH.P02749.OID21072.v1</t>
  </si>
  <si>
    <t>RARRES1.P49788.OID21177.v1</t>
  </si>
  <si>
    <t>TST.Q16762.OID20868.v1</t>
  </si>
  <si>
    <t>VASN.Q6EMK4.OID20345.v1</t>
  </si>
  <si>
    <t>EPHA10.Q5JZY3.OID20840.v1</t>
  </si>
  <si>
    <t>TSLP.Q969D9.OID20056.v1</t>
  </si>
  <si>
    <t>LHB.P01229.OID21248.v1</t>
  </si>
  <si>
    <t>RANGAP1.P46060.OID21203.v1</t>
  </si>
  <si>
    <t>DAPP1.Q9UN19.OID20524.v1</t>
  </si>
  <si>
    <t>NGF.P01138.OID20920.v1</t>
  </si>
  <si>
    <t>IVD.P26440.OID20833.v1</t>
  </si>
  <si>
    <t>IL20.Q9NYY1.OID20453.v1</t>
  </si>
  <si>
    <t>FOSB.P53539.OID20791.v1</t>
  </si>
  <si>
    <t>SSB.P05455.OID20818.v1</t>
  </si>
  <si>
    <t>GSAP.A4D1B5.OID21173.v1</t>
  </si>
  <si>
    <t>RASA1.P20936.OID20826.v1</t>
  </si>
  <si>
    <t>TCL1B.O95988.OID20058.v1</t>
  </si>
  <si>
    <t>CXCL3.P19876.OID20788.v1</t>
  </si>
  <si>
    <t>ATP6V1D.Q9Y5K8.OID21341.v1</t>
  </si>
  <si>
    <t>GH2.P01242.OID21168.v1</t>
  </si>
  <si>
    <t>IL4.P05112.OID20426.v1</t>
  </si>
  <si>
    <t>KLK1.P06870.OID21499.v1</t>
  </si>
  <si>
    <t>DUOX2.Q9NRD8.OID20059.v1</t>
  </si>
  <si>
    <t>NPTN.Q9Y639.OID21235.v1</t>
  </si>
  <si>
    <t>PRKCQ.Q04759.OID20468.v1</t>
  </si>
  <si>
    <t>ARNT.P27540.OID20432.v1</t>
  </si>
  <si>
    <t>MFAP3.P55082.OID20057.v1</t>
  </si>
  <si>
    <t>PPY.P01298.OID21516.v1</t>
  </si>
  <si>
    <t>CPA2.P48052.OID21060.v1</t>
  </si>
  <si>
    <t>HBQ1.P09105.OID21433.v1</t>
  </si>
  <si>
    <t>RGMB.Q6NW40.OID21045.v1</t>
  </si>
  <si>
    <t>CNPY2.Q9Y2B0.OID20069.v1</t>
  </si>
  <si>
    <t>CHMP1A.Q9HD42.OID20930.v1</t>
  </si>
  <si>
    <t>MTPN.P58546.OID20080.v1</t>
  </si>
  <si>
    <t>METAP1.P53582.OID20815.v1</t>
  </si>
  <si>
    <t>ATP5PO.P48047.OID20811.v1</t>
  </si>
  <si>
    <t>IL2.P60568.OID20419.v1</t>
  </si>
  <si>
    <t>DUSP3.P51452.OID20827.v1</t>
  </si>
  <si>
    <t>MAPT.P10636.OID20830.v1</t>
  </si>
  <si>
    <t>TDGF1.P13385.OID20816.v1</t>
  </si>
  <si>
    <t>HK2.P52789.OID20065.v1</t>
  </si>
  <si>
    <t>DNAJB8.Q8NHS0.OID20093.v1</t>
  </si>
  <si>
    <t>S100A16.Q96FQ6.OID20878.v1</t>
  </si>
  <si>
    <t>RAB6B.Q9NRW1.OID20817.v1</t>
  </si>
  <si>
    <t>FKBP1B.P68106.OID20618.v1</t>
  </si>
  <si>
    <t>GLT8D2.Q9H1C3.OID20825.v1</t>
  </si>
  <si>
    <t>PNLIPRP2.P54317.OID20775.v1</t>
  </si>
  <si>
    <t>KCNIP4.Q6PIL6.OID20813.v1</t>
  </si>
  <si>
    <t>ADCYAP1R1.P41586.OID21188.v1</t>
  </si>
  <si>
    <t>LTO1.Q8WV07.OID20434.v1</t>
  </si>
  <si>
    <t>PSMA1.P25786.OID21221.v1</t>
  </si>
  <si>
    <t>CHEK2.O96017.OID20054.v1</t>
  </si>
  <si>
    <t>PPM1A.P35813.OID21184.v1</t>
  </si>
  <si>
    <t>PVALB.P20472.OID21420.v1</t>
  </si>
  <si>
    <t>HEBP1.Q9NRV9.OID20063.v1</t>
  </si>
  <si>
    <t>SERPINB5.P36952.OID20064.v1</t>
  </si>
  <si>
    <t>CLPS.P04118.OID21156.v1</t>
  </si>
  <si>
    <t>CRX.O43186.OID20070.v1</t>
  </si>
  <si>
    <t>KRT14.P02533.OID20800.v1</t>
  </si>
  <si>
    <t>IL1A.P01583.OID20488.v1</t>
  </si>
  <si>
    <t>ITGB1BP1.O14713.OID21268.v1</t>
  </si>
  <si>
    <t>PNPT1.Q8TCS8.OID20445.v1</t>
  </si>
  <si>
    <t>HSP90B1.P14625.OID20829.v1</t>
  </si>
  <si>
    <t>IL24.Q13007.OID20440.v1</t>
  </si>
  <si>
    <t>COPE.O14579.OID20797.v1</t>
  </si>
  <si>
    <t>RAB37.Q96AX2.OID20425.v1</t>
  </si>
  <si>
    <t>CRHR1.P34998.OID20055.v1</t>
  </si>
  <si>
    <t>IL11.P20809.OID20455.v1</t>
  </si>
  <si>
    <t>HR</t>
  </si>
  <si>
    <t>N Cases</t>
  </si>
  <si>
    <t>N Controls</t>
  </si>
  <si>
    <t>Protein zph</t>
  </si>
  <si>
    <t>NA</t>
  </si>
  <si>
    <t>Brain/CNS cancer</t>
  </si>
  <si>
    <t>Major depression</t>
  </si>
  <si>
    <t>Breast cancer</t>
  </si>
  <si>
    <t>Colorectal cancer</t>
  </si>
  <si>
    <t>Alzheimer's dementia</t>
  </si>
  <si>
    <t>Prostate cancer</t>
  </si>
  <si>
    <t>Ischaemic stroke</t>
  </si>
  <si>
    <t>Inflammatory bowel disease</t>
  </si>
  <si>
    <t>Type 2 diabetes</t>
  </si>
  <si>
    <t>Gynaecological cancer</t>
  </si>
  <si>
    <t>Death</t>
  </si>
  <si>
    <t>In some instances, associations with low case counts failed to converge in the initial years 1-3 of follow-up. These models are not reported for those diseases.</t>
  </si>
  <si>
    <t>Liver disease</t>
  </si>
  <si>
    <t>Cystitis</t>
  </si>
  <si>
    <t>Summary statistics for the 3,201 associations that were retained from the fully-adjusted models across iterations incorporating cases from each successive year of follow-up.</t>
  </si>
  <si>
    <t>Year of case follow-up</t>
  </si>
  <si>
    <t>Inf</t>
  </si>
  <si>
    <t>Supplementary Table 8. Cox PH sensitivity analyses: restricting case follow-up to successive yearly intervals.</t>
  </si>
  <si>
    <t>If cases fell after the threshold for case follow-up for the iteration, they were assigned as controls.</t>
  </si>
  <si>
    <t>Models were adjusted for: age, sex and six lifestyle factors (BMI, smoking status, alcohol consumption, education status, physical activity and social deprivation). For sex-stratified diseases sex was not included as a covariate.</t>
  </si>
  <si>
    <t>Summary statistics are provided for each of the original 35,232 protein-disease associations tested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2"/>
      <color rgb="FF006100"/>
      <name val="Calibri"/>
      <family val="2"/>
      <scheme val="minor"/>
    </font>
    <font>
      <sz val="12"/>
      <color rgb="FF9C0006"/>
      <name val="Calibri"/>
      <family val="2"/>
      <scheme val="minor"/>
    </font>
    <font>
      <sz val="12"/>
      <color rgb="FF9C5700"/>
      <name val="Calibri"/>
      <family val="2"/>
      <scheme val="minor"/>
    </font>
    <font>
      <sz val="12"/>
      <color rgb="FF3F3F76"/>
      <name val="Calibri"/>
      <family val="2"/>
      <scheme val="minor"/>
    </font>
    <font>
      <b/>
      <sz val="12"/>
      <color rgb="FF3F3F3F"/>
      <name val="Calibri"/>
      <family val="2"/>
      <scheme val="minor"/>
    </font>
    <font>
      <b/>
      <sz val="12"/>
      <color rgb="FFFA7D00"/>
      <name val="Calibri"/>
      <family val="2"/>
      <scheme val="minor"/>
    </font>
    <font>
      <sz val="12"/>
      <color rgb="FFFA7D00"/>
      <name val="Calibri"/>
      <family val="2"/>
      <scheme val="minor"/>
    </font>
    <font>
      <b/>
      <sz val="12"/>
      <color theme="0"/>
      <name val="Calibri"/>
      <family val="2"/>
      <scheme val="minor"/>
    </font>
    <font>
      <sz val="12"/>
      <color rgb="FFFF0000"/>
      <name val="Calibri"/>
      <family val="2"/>
      <scheme val="minor"/>
    </font>
    <font>
      <i/>
      <sz val="12"/>
      <color rgb="FF7F7F7F"/>
      <name val="Calibri"/>
      <family val="2"/>
      <scheme val="minor"/>
    </font>
    <font>
      <sz val="12"/>
      <color theme="0"/>
      <name val="Calibri"/>
      <family val="2"/>
      <scheme val="minor"/>
    </font>
    <font>
      <sz val="10"/>
      <name val="Tahoma"/>
      <family val="2"/>
    </font>
    <font>
      <b/>
      <sz val="10"/>
      <name val="Tahoma"/>
      <family val="2"/>
    </font>
    <font>
      <b/>
      <sz val="11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D3D3D3"/>
        <bgColor indexed="64"/>
      </patternFill>
    </fill>
    <fill>
      <patternFill patternType="solid">
        <fgColor theme="2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118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  <xf numFmtId="0" fontId="19" fillId="0" borderId="0"/>
    <xf numFmtId="0" fontId="20" fillId="2" borderId="0" applyNumberFormat="0" applyBorder="0" applyAlignment="0" applyProtection="0"/>
    <xf numFmtId="0" fontId="21" fillId="3" borderId="0" applyNumberFormat="0" applyBorder="0" applyAlignment="0" applyProtection="0"/>
    <xf numFmtId="0" fontId="22" fillId="4" borderId="0" applyNumberFormat="0" applyBorder="0" applyAlignment="0" applyProtection="0"/>
    <xf numFmtId="0" fontId="23" fillId="5" borderId="4" applyNumberFormat="0" applyAlignment="0" applyProtection="0"/>
    <xf numFmtId="0" fontId="24" fillId="6" borderId="5" applyNumberFormat="0" applyAlignment="0" applyProtection="0"/>
    <xf numFmtId="0" fontId="25" fillId="6" borderId="4" applyNumberFormat="0" applyAlignment="0" applyProtection="0"/>
    <xf numFmtId="0" fontId="26" fillId="0" borderId="6" applyNumberFormat="0" applyFill="0" applyAlignment="0" applyProtection="0"/>
    <xf numFmtId="0" fontId="27" fillId="7" borderId="7" applyNumberFormat="0" applyAlignment="0" applyProtection="0"/>
    <xf numFmtId="0" fontId="28" fillId="0" borderId="0" applyNumberFormat="0" applyFill="0" applyBorder="0" applyAlignment="0" applyProtection="0"/>
    <xf numFmtId="0" fontId="19" fillId="8" borderId="8" applyNumberFormat="0" applyFont="0" applyAlignment="0" applyProtection="0"/>
    <xf numFmtId="0" fontId="29" fillId="0" borderId="0" applyNumberFormat="0" applyFill="0" applyBorder="0" applyAlignment="0" applyProtection="0"/>
    <xf numFmtId="0" fontId="18" fillId="0" borderId="9" applyNumberFormat="0" applyFill="0" applyAlignment="0" applyProtection="0"/>
    <xf numFmtId="0" fontId="30" fillId="9" borderId="0" applyNumberFormat="0" applyBorder="0" applyAlignment="0" applyProtection="0"/>
    <xf numFmtId="0" fontId="19" fillId="10" borderId="0" applyNumberFormat="0" applyBorder="0" applyAlignment="0" applyProtection="0"/>
    <xf numFmtId="0" fontId="19" fillId="11" borderId="0" applyNumberFormat="0" applyBorder="0" applyAlignment="0" applyProtection="0"/>
    <xf numFmtId="0" fontId="19" fillId="12" borderId="0" applyNumberFormat="0" applyBorder="0" applyAlignment="0" applyProtection="0"/>
    <xf numFmtId="0" fontId="30" fillId="13" borderId="0" applyNumberFormat="0" applyBorder="0" applyAlignment="0" applyProtection="0"/>
    <xf numFmtId="0" fontId="19" fillId="14" borderId="0" applyNumberFormat="0" applyBorder="0" applyAlignment="0" applyProtection="0"/>
    <xf numFmtId="0" fontId="19" fillId="15" borderId="0" applyNumberFormat="0" applyBorder="0" applyAlignment="0" applyProtection="0"/>
    <xf numFmtId="0" fontId="19" fillId="16" borderId="0" applyNumberFormat="0" applyBorder="0" applyAlignment="0" applyProtection="0"/>
    <xf numFmtId="0" fontId="30" fillId="17" borderId="0" applyNumberFormat="0" applyBorder="0" applyAlignment="0" applyProtection="0"/>
    <xf numFmtId="0" fontId="19" fillId="18" borderId="0" applyNumberFormat="0" applyBorder="0" applyAlignment="0" applyProtection="0"/>
    <xf numFmtId="0" fontId="19" fillId="19" borderId="0" applyNumberFormat="0" applyBorder="0" applyAlignment="0" applyProtection="0"/>
    <xf numFmtId="0" fontId="19" fillId="20" borderId="0" applyNumberFormat="0" applyBorder="0" applyAlignment="0" applyProtection="0"/>
    <xf numFmtId="0" fontId="30" fillId="21" borderId="0" applyNumberFormat="0" applyBorder="0" applyAlignment="0" applyProtection="0"/>
    <xf numFmtId="0" fontId="19" fillId="22" borderId="0" applyNumberFormat="0" applyBorder="0" applyAlignment="0" applyProtection="0"/>
    <xf numFmtId="0" fontId="19" fillId="23" borderId="0" applyNumberFormat="0" applyBorder="0" applyAlignment="0" applyProtection="0"/>
    <xf numFmtId="0" fontId="19" fillId="24" borderId="0" applyNumberFormat="0" applyBorder="0" applyAlignment="0" applyProtection="0"/>
    <xf numFmtId="0" fontId="30" fillId="25" borderId="0" applyNumberFormat="0" applyBorder="0" applyAlignment="0" applyProtection="0"/>
    <xf numFmtId="0" fontId="19" fillId="26" borderId="0" applyNumberFormat="0" applyBorder="0" applyAlignment="0" applyProtection="0"/>
    <xf numFmtId="0" fontId="19" fillId="27" borderId="0" applyNumberFormat="0" applyBorder="0" applyAlignment="0" applyProtection="0"/>
    <xf numFmtId="0" fontId="19" fillId="28" borderId="0" applyNumberFormat="0" applyBorder="0" applyAlignment="0" applyProtection="0"/>
    <xf numFmtId="0" fontId="30" fillId="29" borderId="0" applyNumberFormat="0" applyBorder="0" applyAlignment="0" applyProtection="0"/>
    <xf numFmtId="0" fontId="19" fillId="30" borderId="0" applyNumberFormat="0" applyBorder="0" applyAlignment="0" applyProtection="0"/>
    <xf numFmtId="0" fontId="19" fillId="31" borderId="0" applyNumberFormat="0" applyBorder="0" applyAlignment="0" applyProtection="0"/>
    <xf numFmtId="0" fontId="19" fillId="32" borderId="0" applyNumberFormat="0" applyBorder="0" applyAlignment="0" applyProtection="0"/>
    <xf numFmtId="0" fontId="31" fillId="0" borderId="0"/>
    <xf numFmtId="0" fontId="32" fillId="33" borderId="0"/>
    <xf numFmtId="0" fontId="1" fillId="0" borderId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2">
    <xf numFmtId="0" fontId="0" fillId="0" borderId="0" xfId="0"/>
    <xf numFmtId="0" fontId="0" fillId="0" borderId="0" xfId="0" applyFont="1"/>
    <xf numFmtId="11" fontId="0" fillId="0" borderId="0" xfId="0" applyNumberFormat="1"/>
    <xf numFmtId="0" fontId="33" fillId="34" borderId="0" xfId="0" applyNumberFormat="1" applyFont="1" applyFill="1" applyBorder="1" applyAlignment="1" applyProtection="1"/>
    <xf numFmtId="11" fontId="0" fillId="0" borderId="0" xfId="0" applyNumberFormat="1" applyAlignment="1">
      <alignment horizontal="right"/>
    </xf>
    <xf numFmtId="11" fontId="33" fillId="34" borderId="0" xfId="0" applyNumberFormat="1" applyFont="1" applyFill="1" applyBorder="1" applyAlignment="1" applyProtection="1">
      <alignment horizontal="right"/>
    </xf>
    <xf numFmtId="0" fontId="0" fillId="0" borderId="0" xfId="0" applyAlignment="1">
      <alignment horizontal="right"/>
    </xf>
    <xf numFmtId="0" fontId="16" fillId="0" borderId="0" xfId="0" applyFont="1" applyFill="1"/>
    <xf numFmtId="2" fontId="0" fillId="0" borderId="0" xfId="0" applyNumberFormat="1" applyAlignment="1">
      <alignment horizontal="right"/>
    </xf>
    <xf numFmtId="2" fontId="33" fillId="34" borderId="0" xfId="0" applyNumberFormat="1" applyFont="1" applyFill="1" applyBorder="1" applyAlignment="1" applyProtection="1">
      <alignment horizontal="right"/>
    </xf>
    <xf numFmtId="0" fontId="33" fillId="34" borderId="0" xfId="0" applyNumberFormat="1" applyFont="1" applyFill="1" applyBorder="1" applyAlignment="1" applyProtection="1">
      <alignment horizontal="right"/>
    </xf>
    <xf numFmtId="0" fontId="33" fillId="34" borderId="0" xfId="0" applyNumberFormat="1" applyFont="1" applyFill="1" applyBorder="1" applyAlignment="1" applyProtection="1">
      <alignment horizontal="left"/>
    </xf>
  </cellXfs>
  <cellStyles count="118">
    <cellStyle name="20% - Accent1" xfId="19" builtinId="30" customBuiltin="1"/>
    <cellStyle name="20% - Accent1 2" xfId="95"/>
    <cellStyle name="20% - Accent1 3" xfId="56"/>
    <cellStyle name="20% - Accent2" xfId="23" builtinId="34" customBuiltin="1"/>
    <cellStyle name="20% - Accent2 2" xfId="99"/>
    <cellStyle name="20% - Accent2 3" xfId="60"/>
    <cellStyle name="20% - Accent3" xfId="27" builtinId="38" customBuiltin="1"/>
    <cellStyle name="20% - Accent3 2" xfId="103"/>
    <cellStyle name="20% - Accent3 3" xfId="64"/>
    <cellStyle name="20% - Accent4" xfId="31" builtinId="42" customBuiltin="1"/>
    <cellStyle name="20% - Accent4 2" xfId="107"/>
    <cellStyle name="20% - Accent4 3" xfId="68"/>
    <cellStyle name="20% - Accent5" xfId="35" builtinId="46" customBuiltin="1"/>
    <cellStyle name="20% - Accent5 2" xfId="111"/>
    <cellStyle name="20% - Accent5 3" xfId="72"/>
    <cellStyle name="20% - Accent6" xfId="39" builtinId="50" customBuiltin="1"/>
    <cellStyle name="20% - Accent6 2" xfId="115"/>
    <cellStyle name="20% - Accent6 3" xfId="76"/>
    <cellStyle name="40% - Accent1" xfId="20" builtinId="31" customBuiltin="1"/>
    <cellStyle name="40% - Accent1 2" xfId="96"/>
    <cellStyle name="40% - Accent1 3" xfId="57"/>
    <cellStyle name="40% - Accent2" xfId="24" builtinId="35" customBuiltin="1"/>
    <cellStyle name="40% - Accent2 2" xfId="100"/>
    <cellStyle name="40% - Accent2 3" xfId="61"/>
    <cellStyle name="40% - Accent3" xfId="28" builtinId="39" customBuiltin="1"/>
    <cellStyle name="40% - Accent3 2" xfId="104"/>
    <cellStyle name="40% - Accent3 3" xfId="65"/>
    <cellStyle name="40% - Accent4" xfId="32" builtinId="43" customBuiltin="1"/>
    <cellStyle name="40% - Accent4 2" xfId="108"/>
    <cellStyle name="40% - Accent4 3" xfId="69"/>
    <cellStyle name="40% - Accent5" xfId="36" builtinId="47" customBuiltin="1"/>
    <cellStyle name="40% - Accent5 2" xfId="112"/>
    <cellStyle name="40% - Accent5 3" xfId="73"/>
    <cellStyle name="40% - Accent6" xfId="40" builtinId="51" customBuiltin="1"/>
    <cellStyle name="40% - Accent6 2" xfId="116"/>
    <cellStyle name="40% - Accent6 3" xfId="77"/>
    <cellStyle name="60% - Accent1" xfId="21" builtinId="32" customBuiltin="1"/>
    <cellStyle name="60% - Accent1 2" xfId="97"/>
    <cellStyle name="60% - Accent1 3" xfId="58"/>
    <cellStyle name="60% - Accent2" xfId="25" builtinId="36" customBuiltin="1"/>
    <cellStyle name="60% - Accent2 2" xfId="101"/>
    <cellStyle name="60% - Accent2 3" xfId="62"/>
    <cellStyle name="60% - Accent3" xfId="29" builtinId="40" customBuiltin="1"/>
    <cellStyle name="60% - Accent3 2" xfId="105"/>
    <cellStyle name="60% - Accent3 3" xfId="66"/>
    <cellStyle name="60% - Accent4" xfId="33" builtinId="44" customBuiltin="1"/>
    <cellStyle name="60% - Accent4 2" xfId="109"/>
    <cellStyle name="60% - Accent4 3" xfId="70"/>
    <cellStyle name="60% - Accent5" xfId="37" builtinId="48" customBuiltin="1"/>
    <cellStyle name="60% - Accent5 2" xfId="113"/>
    <cellStyle name="60% - Accent5 3" xfId="74"/>
    <cellStyle name="60% - Accent6" xfId="41" builtinId="52" customBuiltin="1"/>
    <cellStyle name="60% - Accent6 2" xfId="117"/>
    <cellStyle name="60% - Accent6 3" xfId="78"/>
    <cellStyle name="Accent1" xfId="18" builtinId="29" customBuiltin="1"/>
    <cellStyle name="Accent1 2" xfId="94"/>
    <cellStyle name="Accent1 3" xfId="55"/>
    <cellStyle name="Accent2" xfId="22" builtinId="33" customBuiltin="1"/>
    <cellStyle name="Accent2 2" xfId="98"/>
    <cellStyle name="Accent2 3" xfId="59"/>
    <cellStyle name="Accent3" xfId="26" builtinId="37" customBuiltin="1"/>
    <cellStyle name="Accent3 2" xfId="102"/>
    <cellStyle name="Accent3 3" xfId="63"/>
    <cellStyle name="Accent4" xfId="30" builtinId="41" customBuiltin="1"/>
    <cellStyle name="Accent4 2" xfId="106"/>
    <cellStyle name="Accent4 3" xfId="67"/>
    <cellStyle name="Accent5" xfId="34" builtinId="45" customBuiltin="1"/>
    <cellStyle name="Accent5 2" xfId="110"/>
    <cellStyle name="Accent5 3" xfId="71"/>
    <cellStyle name="Accent6" xfId="38" builtinId="49" customBuiltin="1"/>
    <cellStyle name="Accent6 2" xfId="114"/>
    <cellStyle name="Accent6 3" xfId="75"/>
    <cellStyle name="Bad" xfId="7" builtinId="27" customBuiltin="1"/>
    <cellStyle name="Bad 2" xfId="83"/>
    <cellStyle name="Bad 3" xfId="44"/>
    <cellStyle name="Calculation" xfId="11" builtinId="22" customBuiltin="1"/>
    <cellStyle name="Calculation 2" xfId="87"/>
    <cellStyle name="Calculation 3" xfId="48"/>
    <cellStyle name="Check Cell" xfId="13" builtinId="23" customBuiltin="1"/>
    <cellStyle name="Check Cell 2" xfId="89"/>
    <cellStyle name="Check Cell 3" xfId="50"/>
    <cellStyle name="Explanatory Text" xfId="16" builtinId="53" customBuiltin="1"/>
    <cellStyle name="Explanatory Text 2" xfId="92"/>
    <cellStyle name="Explanatory Text 3" xfId="53"/>
    <cellStyle name="Good" xfId="6" builtinId="26" customBuiltin="1"/>
    <cellStyle name="Good 2" xfId="82"/>
    <cellStyle name="Good 3" xfId="43"/>
    <cellStyle name="headerStyle" xfId="80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Input 2" xfId="85"/>
    <cellStyle name="Input 3" xfId="46"/>
    <cellStyle name="Linked Cell" xfId="12" builtinId="24" customBuiltin="1"/>
    <cellStyle name="Linked Cell 2" xfId="88"/>
    <cellStyle name="Linked Cell 3" xfId="49"/>
    <cellStyle name="Neutral" xfId="8" builtinId="28" customBuiltin="1"/>
    <cellStyle name="Neutral 2" xfId="84"/>
    <cellStyle name="Neutral 3" xfId="45"/>
    <cellStyle name="Normal" xfId="0" builtinId="0"/>
    <cellStyle name="Normal 2" xfId="79"/>
    <cellStyle name="Normal 3" xfId="81"/>
    <cellStyle name="Normal 4" xfId="42"/>
    <cellStyle name="Note" xfId="15" builtinId="10" customBuiltin="1"/>
    <cellStyle name="Note 2" xfId="91"/>
    <cellStyle name="Note 3" xfId="52"/>
    <cellStyle name="Output" xfId="10" builtinId="21" customBuiltin="1"/>
    <cellStyle name="Output 2" xfId="86"/>
    <cellStyle name="Output 3" xfId="47"/>
    <cellStyle name="Title" xfId="1" builtinId="15" customBuiltin="1"/>
    <cellStyle name="Total" xfId="17" builtinId="25" customBuiltin="1"/>
    <cellStyle name="Total 2" xfId="93"/>
    <cellStyle name="Total 3" xfId="54"/>
    <cellStyle name="Warning Text" xfId="14" builtinId="11" customBuiltin="1"/>
    <cellStyle name="Warning Text 2" xfId="90"/>
    <cellStyle name="Warning Text 3" xfId="51"/>
  </cellStyles>
  <dxfs count="0"/>
  <tableStyles count="0" defaultTableStyle="TableStyleMedium2" defaultPivotStyle="PivotStyleLight16"/>
  <colors>
    <mruColors>
      <color rgb="FFA2BFF2"/>
      <color rgb="FFFCACAA"/>
      <color rgb="FFD0F2FA"/>
      <color rgb="FFB3ADD5"/>
      <color rgb="FFB2E2B9"/>
      <color rgb="FFA3D3F1"/>
      <color rgb="FFCBCAE2"/>
      <color rgb="FFCC00CC"/>
      <color rgb="FFFF66FF"/>
      <color rgb="FF99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388E344C5BDAC48B29B1F2AD474C8F8" ma:contentTypeVersion="17" ma:contentTypeDescription="Create a new document." ma:contentTypeScope="" ma:versionID="03e6629adfe98caf54407e8499b9beb4">
  <xsd:schema xmlns:xsd="http://www.w3.org/2001/XMLSchema" xmlns:xs="http://www.w3.org/2001/XMLSchema" xmlns:p="http://schemas.microsoft.com/office/2006/metadata/properties" xmlns:ns2="b1351e45-0176-4771-8a3a-a4304ff2556c" xmlns:ns3="6a43f16b-9854-4ac2-87d1-bc7b6c361d0f" targetNamespace="http://schemas.microsoft.com/office/2006/metadata/properties" ma:root="true" ma:fieldsID="b09bc0793acb454b0fc05460d371b772" ns2:_="" ns3:_="">
    <xsd:import namespace="b1351e45-0176-4771-8a3a-a4304ff2556c"/>
    <xsd:import namespace="6a43f16b-9854-4ac2-87d1-bc7b6c361d0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ServiceLocation" minOccurs="0"/>
                <xsd:element ref="ns2:Note" minOccurs="0"/>
                <xsd:element ref="ns2:MediaLengthInSeconds" minOccurs="0"/>
                <xsd:element ref="ns2:lcf76f155ced4ddcb4097134ff3c332f" minOccurs="0"/>
                <xsd:element ref="ns3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1351e45-0176-4771-8a3a-a4304ff2556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Note" ma:index="20" nillable="true" ma:displayName="Note" ma:format="Dropdown" ma:internalName="Note">
      <xsd:simpleType>
        <xsd:restriction base="dms:Text">
          <xsd:maxLength value="255"/>
        </xsd:restriction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23" nillable="true" ma:taxonomy="true" ma:internalName="lcf76f155ced4ddcb4097134ff3c332f" ma:taxonomyFieldName="MediaServiceImageTags" ma:displayName="Image Tags" ma:readOnly="false" ma:fieldId="{5cf76f15-5ced-4ddc-b409-7134ff3c332f}" ma:taxonomyMulti="true" ma:sspId="7da02e20-3405-48c8-b010-e0d39bee4d16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a43f16b-9854-4ac2-87d1-bc7b6c361d0f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4" nillable="true" ma:displayName="Taxonomy Catch All Column" ma:hidden="true" ma:list="{f9b4f17e-f5c1-49a7-9241-e25a9a583eed}" ma:internalName="TaxCatchAll" ma:showField="CatchAllData" ma:web="6a43f16b-9854-4ac2-87d1-bc7b6c361d0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Note xmlns="b1351e45-0176-4771-8a3a-a4304ff2556c" xsi:nil="true"/>
    <lcf76f155ced4ddcb4097134ff3c332f xmlns="b1351e45-0176-4771-8a3a-a4304ff2556c">
      <Terms xmlns="http://schemas.microsoft.com/office/infopath/2007/PartnerControls"/>
    </lcf76f155ced4ddcb4097134ff3c332f>
    <TaxCatchAll xmlns="6a43f16b-9854-4ac2-87d1-bc7b6c361d0f" xsi:nil="true"/>
  </documentManagement>
</p:properties>
</file>

<file path=customXml/itemProps1.xml><?xml version="1.0" encoding="utf-8"?>
<ds:datastoreItem xmlns:ds="http://schemas.openxmlformats.org/officeDocument/2006/customXml" ds:itemID="{70E77815-C1FE-41C4-8719-B5EF6470394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1351e45-0176-4771-8a3a-a4304ff2556c"/>
    <ds:schemaRef ds:uri="6a43f16b-9854-4ac2-87d1-bc7b6c361d0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99DA4680-5307-4AD8-BC46-DCB92C05494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D0A74F7-7279-4B76-9CEF-326C04B4A8A9}">
  <ds:schemaRefs>
    <ds:schemaRef ds:uri="http://purl.org/dc/elements/1.1/"/>
    <ds:schemaRef ds:uri="http://schemas.microsoft.com/office/infopath/2007/PartnerControls"/>
    <ds:schemaRef ds:uri="http://purl.org/dc/terms/"/>
    <ds:schemaRef ds:uri="http://schemas.microsoft.com/office/2006/metadata/properties"/>
    <ds:schemaRef ds:uri="6a43f16b-9854-4ac2-87d1-bc7b6c361d0f"/>
    <ds:schemaRef ds:uri="http://schemas.microsoft.com/office/2006/documentManagement/types"/>
    <ds:schemaRef ds:uri="b1351e45-0176-4771-8a3a-a4304ff2556c"/>
    <ds:schemaRef ds:uri="http://schemas.openxmlformats.org/package/2006/metadata/core-properties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upplementary Table 8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ADD Danni</dc:creator>
  <cp:lastModifiedBy>Danni Gadd</cp:lastModifiedBy>
  <dcterms:created xsi:type="dcterms:W3CDTF">2021-05-05T12:35:09Z</dcterms:created>
  <dcterms:modified xsi:type="dcterms:W3CDTF">2023-10-24T12:28:1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388E344C5BDAC48B29B1F2AD474C8F8</vt:lpwstr>
  </property>
</Properties>
</file>